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84642\Downloads\Fw%3a_Upload_nu_de_wedstrijduitslagen_van_%27DJA_clubkampioenschappen%27\"/>
    </mc:Choice>
  </mc:AlternateContent>
  <bookViews>
    <workbookView xWindow="0" yWindow="0" windowWidth="23040" windowHeight="9408" tabRatio="925" activeTab="2"/>
  </bookViews>
  <sheets>
    <sheet name="Vmas_2" sheetId="46" r:id="rId1"/>
    <sheet name="Mmas_2" sheetId="47" r:id="rId2"/>
    <sheet name="Vsen_2" sheetId="44" r:id="rId3"/>
    <sheet name="Msen_2" sheetId="45" r:id="rId4"/>
    <sheet name="MJA_2" sheetId="12" r:id="rId5"/>
    <sheet name="JJA_2" sheetId="17" r:id="rId6"/>
    <sheet name="MJB_2" sheetId="20" r:id="rId7"/>
    <sheet name="JJB_2" sheetId="23" r:id="rId8"/>
    <sheet name="MJC_2" sheetId="26" r:id="rId9"/>
    <sheet name="JJC_2" sheetId="29" r:id="rId10"/>
    <sheet name="MJD_2" sheetId="32" r:id="rId11"/>
    <sheet name="JJD_2" sheetId="35" r:id="rId12"/>
    <sheet name="MPA_2" sheetId="36" r:id="rId13"/>
    <sheet name="JPA_2" sheetId="37" r:id="rId14"/>
    <sheet name="MPB_2" sheetId="38" r:id="rId15"/>
    <sheet name="JPB_2" sheetId="39" r:id="rId16"/>
    <sheet name="MPC_2" sheetId="40" r:id="rId17"/>
    <sheet name="JPC_2" sheetId="41" r:id="rId18"/>
    <sheet name="MPmini_2" sheetId="42" r:id="rId19"/>
    <sheet name="JPmini_2" sheetId="43" r:id="rId20"/>
  </sheets>
  <calcPr calcId="152511"/>
</workbook>
</file>

<file path=xl/sharedStrings.xml><?xml version="1.0" encoding="utf-8"?>
<sst xmlns="http://schemas.openxmlformats.org/spreadsheetml/2006/main" count="5088" uniqueCount="457">
  <si>
    <t>Hoogspringen</t>
  </si>
  <si>
    <t>Verspringen</t>
  </si>
  <si>
    <t>Kogelstoten</t>
  </si>
  <si>
    <t>Discuswerpen</t>
  </si>
  <si>
    <t>Speerwerpen</t>
  </si>
  <si>
    <t>60 meter</t>
  </si>
  <si>
    <t>100 meter</t>
  </si>
  <si>
    <t>80 meter</t>
  </si>
  <si>
    <t>600 meter</t>
  </si>
  <si>
    <t>pnt</t>
  </si>
  <si>
    <t>Startnr.</t>
  </si>
  <si>
    <t>Voornaam</t>
  </si>
  <si>
    <t>Achternaam</t>
  </si>
  <si>
    <t>TOTAAL</t>
  </si>
  <si>
    <t>prestatie</t>
  </si>
  <si>
    <t>Meisjes A-junioren</t>
  </si>
  <si>
    <t>Jongens A-junioren</t>
  </si>
  <si>
    <t>Meisjes B-junioren</t>
  </si>
  <si>
    <t>Jongens B-junioren</t>
  </si>
  <si>
    <t>Meisjes C-junioren</t>
  </si>
  <si>
    <t>Jongens C-junioren</t>
  </si>
  <si>
    <t>Meisjes D-junioren</t>
  </si>
  <si>
    <t>Jongens D-junioren</t>
  </si>
  <si>
    <t>Ankie</t>
  </si>
  <si>
    <t>Vermeeren</t>
  </si>
  <si>
    <t>Bowien</t>
  </si>
  <si>
    <t>Snepvangers</t>
  </si>
  <si>
    <t>Lauren</t>
  </si>
  <si>
    <t>Gommers</t>
  </si>
  <si>
    <t>Sophie</t>
  </si>
  <si>
    <t>Kenis</t>
  </si>
  <si>
    <t>Sam</t>
  </si>
  <si>
    <t>Schrauwen</t>
  </si>
  <si>
    <t>Femke</t>
  </si>
  <si>
    <t>Frijters</t>
  </si>
  <si>
    <t>Suzanne</t>
  </si>
  <si>
    <t>Snellen</t>
  </si>
  <si>
    <t>Jorik</t>
  </si>
  <si>
    <t>van den Broek</t>
  </si>
  <si>
    <t>Maurice</t>
  </si>
  <si>
    <t>Raats</t>
  </si>
  <si>
    <t>Olivier</t>
  </si>
  <si>
    <t>van Namen</t>
  </si>
  <si>
    <t>Aniek</t>
  </si>
  <si>
    <t>van Opstal</t>
  </si>
  <si>
    <t>Evi</t>
  </si>
  <si>
    <t>Noorland</t>
  </si>
  <si>
    <t>Kouters</t>
  </si>
  <si>
    <t>Wisterlande</t>
  </si>
  <si>
    <t>Indy</t>
  </si>
  <si>
    <t>Vermeiren</t>
  </si>
  <si>
    <t>Tess</t>
  </si>
  <si>
    <t>van Ostaijen</t>
  </si>
  <si>
    <t>Tessa</t>
  </si>
  <si>
    <t>Mertens</t>
  </si>
  <si>
    <t>Daan</t>
  </si>
  <si>
    <t>Moelands</t>
  </si>
  <si>
    <t>Mels</t>
  </si>
  <si>
    <t>Hillemans</t>
  </si>
  <si>
    <t>Sofie</t>
  </si>
  <si>
    <t>Klein</t>
  </si>
  <si>
    <t>Benedicte</t>
  </si>
  <si>
    <t>Kimwanga</t>
  </si>
  <si>
    <t>Lore</t>
  </si>
  <si>
    <t>Goetschalckx</t>
  </si>
  <si>
    <t>Anouk</t>
  </si>
  <si>
    <t>Boomaerts</t>
  </si>
  <si>
    <t>Finn</t>
  </si>
  <si>
    <t>van Dessel</t>
  </si>
  <si>
    <t>Jim</t>
  </si>
  <si>
    <t>Putter</t>
  </si>
  <si>
    <t>Joris</t>
  </si>
  <si>
    <t>Louis</t>
  </si>
  <si>
    <t>van Oorschot</t>
  </si>
  <si>
    <t>Licentienummer</t>
  </si>
  <si>
    <t>DNF</t>
  </si>
  <si>
    <t>12,89 sec</t>
  </si>
  <si>
    <t>5,29 m</t>
  </si>
  <si>
    <t>21,53 m</t>
  </si>
  <si>
    <t>1,42 m</t>
  </si>
  <si>
    <t>18,97 m</t>
  </si>
  <si>
    <t>15,03 sec</t>
  </si>
  <si>
    <t>4,26 m</t>
  </si>
  <si>
    <t>14,96 m</t>
  </si>
  <si>
    <t>1,24 m</t>
  </si>
  <si>
    <t>12,32 m</t>
  </si>
  <si>
    <t>2:15,25 min</t>
  </si>
  <si>
    <t/>
  </si>
  <si>
    <t>13,08 sec</t>
  </si>
  <si>
    <t>5,15 m</t>
  </si>
  <si>
    <t>26,92 m</t>
  </si>
  <si>
    <t>1,48 m</t>
  </si>
  <si>
    <t>37,33 m</t>
  </si>
  <si>
    <t>1:46,13 min</t>
  </si>
  <si>
    <t>12,44 sec</t>
  </si>
  <si>
    <t>4,83 m</t>
  </si>
  <si>
    <t>21,06 m</t>
  </si>
  <si>
    <t>22,30 m</t>
  </si>
  <si>
    <t>1:33,65 min</t>
  </si>
  <si>
    <t>12,92 sec</t>
  </si>
  <si>
    <t>4,49 m</t>
  </si>
  <si>
    <t>27,73 m</t>
  </si>
  <si>
    <t>1,39 m</t>
  </si>
  <si>
    <t>42,97 m</t>
  </si>
  <si>
    <t>1:52,27 min</t>
  </si>
  <si>
    <t>15,01 sec</t>
  </si>
  <si>
    <t>3,63 m</t>
  </si>
  <si>
    <t>29,59 m</t>
  </si>
  <si>
    <t>1,30 m</t>
  </si>
  <si>
    <t>30,15 m</t>
  </si>
  <si>
    <t>2:16,06 min</t>
  </si>
  <si>
    <t>14,09 sec</t>
  </si>
  <si>
    <t>3,53 m</t>
  </si>
  <si>
    <t>17,95 m</t>
  </si>
  <si>
    <t>1,18 m</t>
  </si>
  <si>
    <t>17,60 m</t>
  </si>
  <si>
    <t>1:56,40 min</t>
  </si>
  <si>
    <t>15,08 sec</t>
  </si>
  <si>
    <t>4,24 m</t>
  </si>
  <si>
    <t>17,86 m</t>
  </si>
  <si>
    <t>16,66 m</t>
  </si>
  <si>
    <t>DNS</t>
  </si>
  <si>
    <t>31,39 m</t>
  </si>
  <si>
    <t>2:13,86 min</t>
  </si>
  <si>
    <t>13,11 sec</t>
  </si>
  <si>
    <t>4,71 m</t>
  </si>
  <si>
    <t>16,20 m</t>
  </si>
  <si>
    <t>1,51 m</t>
  </si>
  <si>
    <t>19,00 m</t>
  </si>
  <si>
    <t>1:50,16 min</t>
  </si>
  <si>
    <t>11,68 sec</t>
  </si>
  <si>
    <t>19,47 m</t>
  </si>
  <si>
    <t>1,45 m</t>
  </si>
  <si>
    <t>27,38 m</t>
  </si>
  <si>
    <t>1:54,10 min</t>
  </si>
  <si>
    <t>12,25 sec</t>
  </si>
  <si>
    <t>4,12 m</t>
  </si>
  <si>
    <t>14,91 m</t>
  </si>
  <si>
    <t>1,50 m</t>
  </si>
  <si>
    <t>17,94 m</t>
  </si>
  <si>
    <t>2:05,71 min</t>
  </si>
  <si>
    <t>11,70 sec</t>
  </si>
  <si>
    <t>4,31 m</t>
  </si>
  <si>
    <t>14,79 m</t>
  </si>
  <si>
    <t>1,20 m</t>
  </si>
  <si>
    <t>16,99 m</t>
  </si>
  <si>
    <t>2:16,29 min</t>
  </si>
  <si>
    <t>12,84 sec</t>
  </si>
  <si>
    <t>4,00 m</t>
  </si>
  <si>
    <t>12,94 m</t>
  </si>
  <si>
    <t>1,15 m</t>
  </si>
  <si>
    <t>14,47 m</t>
  </si>
  <si>
    <t>2:14,78 min</t>
  </si>
  <si>
    <t>13,18 sec</t>
  </si>
  <si>
    <t>3,48 m</t>
  </si>
  <si>
    <t>13,51 m</t>
  </si>
  <si>
    <t>14,10 m</t>
  </si>
  <si>
    <t>2:20,02 min</t>
  </si>
  <si>
    <t>13,98 sec</t>
  </si>
  <si>
    <t>3,35 m</t>
  </si>
  <si>
    <t>14,89 m</t>
  </si>
  <si>
    <t>1,10 m</t>
  </si>
  <si>
    <t>16,48 m</t>
  </si>
  <si>
    <t>2:16,85 min</t>
  </si>
  <si>
    <t>14,10 sec</t>
  </si>
  <si>
    <t>4,74 m</t>
  </si>
  <si>
    <t>24,95 m</t>
  </si>
  <si>
    <t>1,55 m</t>
  </si>
  <si>
    <t>25,60 m</t>
  </si>
  <si>
    <t>1:53,09 min</t>
  </si>
  <si>
    <t>4,13 m</t>
  </si>
  <si>
    <t>18,35 m</t>
  </si>
  <si>
    <t>22,09 m</t>
  </si>
  <si>
    <t>1:49,40 min</t>
  </si>
  <si>
    <t>15,17 sec</t>
  </si>
  <si>
    <t>3,39 m</t>
  </si>
  <si>
    <t>12,58 m</t>
  </si>
  <si>
    <t>1,25 m</t>
  </si>
  <si>
    <t>12,50 m</t>
  </si>
  <si>
    <t>1:59,80 min</t>
  </si>
  <si>
    <t>8,87 sec</t>
  </si>
  <si>
    <t>4,17 m</t>
  </si>
  <si>
    <t>22,57 m</t>
  </si>
  <si>
    <t>18,60 m</t>
  </si>
  <si>
    <t>2:03,57 min</t>
  </si>
  <si>
    <t>9,09 sec</t>
  </si>
  <si>
    <t>4,07 m</t>
  </si>
  <si>
    <t>18,49 m</t>
  </si>
  <si>
    <t>14,53 m</t>
  </si>
  <si>
    <t>2:05,36 min</t>
  </si>
  <si>
    <t>9,78 sec</t>
  </si>
  <si>
    <t>3,75 m</t>
  </si>
  <si>
    <t>18,85 m</t>
  </si>
  <si>
    <t>19,06 m</t>
  </si>
  <si>
    <t>10,34 sec</t>
  </si>
  <si>
    <t>13,37 m</t>
  </si>
  <si>
    <t>9,80 m</t>
  </si>
  <si>
    <t>11,90 sec</t>
  </si>
  <si>
    <t>4,32 m</t>
  </si>
  <si>
    <t>21,20 m</t>
  </si>
  <si>
    <t>1,35 m</t>
  </si>
  <si>
    <t>30,70 m</t>
  </si>
  <si>
    <t>1:58,85 min</t>
  </si>
  <si>
    <t>12,66 sec</t>
  </si>
  <si>
    <t>3,98 m</t>
  </si>
  <si>
    <t>14,19 m</t>
  </si>
  <si>
    <t>18,03 m</t>
  </si>
  <si>
    <t>1:46,87 min</t>
  </si>
  <si>
    <t>13,20 sec</t>
  </si>
  <si>
    <t>3,43 m</t>
  </si>
  <si>
    <t>14,81 m</t>
  </si>
  <si>
    <t>16,04 m</t>
  </si>
  <si>
    <t>2:06,54 min</t>
  </si>
  <si>
    <t>13,01 m</t>
  </si>
  <si>
    <t>14,21 m</t>
  </si>
  <si>
    <t>14,54 m</t>
  </si>
  <si>
    <t>Meisjes A-pupillen</t>
  </si>
  <si>
    <t>Pleun</t>
  </si>
  <si>
    <t>9,86 sec</t>
  </si>
  <si>
    <t>3,11 m</t>
  </si>
  <si>
    <t>6,44 m</t>
  </si>
  <si>
    <t>2:09,86 min</t>
  </si>
  <si>
    <t>Sanne</t>
  </si>
  <si>
    <t>9,79 sec</t>
  </si>
  <si>
    <t>3,36 m</t>
  </si>
  <si>
    <t>5,45 m</t>
  </si>
  <si>
    <t>2:29,05 min</t>
  </si>
  <si>
    <t>Joni</t>
  </si>
  <si>
    <t>Braspenning</t>
  </si>
  <si>
    <t>10,98 sec</t>
  </si>
  <si>
    <t>2,95 m</t>
  </si>
  <si>
    <t>6,47 m</t>
  </si>
  <si>
    <t>2:49,49 min</t>
  </si>
  <si>
    <t>Lotte</t>
  </si>
  <si>
    <t>10,70 sec</t>
  </si>
  <si>
    <t>3,00 m</t>
  </si>
  <si>
    <t>3,80 m</t>
  </si>
  <si>
    <t>0,90 m</t>
  </si>
  <si>
    <t>2:19,57 min</t>
  </si>
  <si>
    <t>Jongens A-pupillen</t>
  </si>
  <si>
    <t>Nicky</t>
  </si>
  <si>
    <t>Broos</t>
  </si>
  <si>
    <t>9,20 sec</t>
  </si>
  <si>
    <t>3,93 m</t>
  </si>
  <si>
    <t>7,17 m</t>
  </si>
  <si>
    <t>2:27,97 min</t>
  </si>
  <si>
    <t xml:space="preserve">Aiden </t>
  </si>
  <si>
    <t>Dictus</t>
  </si>
  <si>
    <t>9,85 sec</t>
  </si>
  <si>
    <t>3,66 m</t>
  </si>
  <si>
    <t>8,08 m</t>
  </si>
  <si>
    <t>2:07,27 min</t>
  </si>
  <si>
    <t>Yari</t>
  </si>
  <si>
    <t>Peetermans</t>
  </si>
  <si>
    <t>9,28 sec</t>
  </si>
  <si>
    <t>3,59 m</t>
  </si>
  <si>
    <t>4,80 m</t>
  </si>
  <si>
    <t>2:13,55 min</t>
  </si>
  <si>
    <t>Karsten</t>
  </si>
  <si>
    <t>Herijgers</t>
  </si>
  <si>
    <t>10,81 sec</t>
  </si>
  <si>
    <t>2,94 m</t>
  </si>
  <si>
    <t>4,21 m</t>
  </si>
  <si>
    <t>1,05 m</t>
  </si>
  <si>
    <t>2:16,37 min</t>
  </si>
  <si>
    <t>Nathan</t>
  </si>
  <si>
    <t>de Groot</t>
  </si>
  <si>
    <t>10,88 sec</t>
  </si>
  <si>
    <t>3,02 m</t>
  </si>
  <si>
    <t>4,89 m</t>
  </si>
  <si>
    <t>0,85 m</t>
  </si>
  <si>
    <t>2:37,51 min</t>
  </si>
  <si>
    <t>Meisjes B-pupillen</t>
  </si>
  <si>
    <t>40 meter</t>
  </si>
  <si>
    <t>Balwerpen</t>
  </si>
  <si>
    <t>van Baal</t>
  </si>
  <si>
    <t>8,00 sec</t>
  </si>
  <si>
    <t>2,58 m</t>
  </si>
  <si>
    <t>9,82 m</t>
  </si>
  <si>
    <t>2:40,38 min</t>
  </si>
  <si>
    <t>Dieke</t>
  </si>
  <si>
    <t>Straver</t>
  </si>
  <si>
    <t>8,11 sec</t>
  </si>
  <si>
    <t>2,72 m</t>
  </si>
  <si>
    <t>10,77 m</t>
  </si>
  <si>
    <t>0,75 m</t>
  </si>
  <si>
    <t>2:49,38 min</t>
  </si>
  <si>
    <t>Jongens B-pupillen</t>
  </si>
  <si>
    <t>Gray</t>
  </si>
  <si>
    <t>Aarden</t>
  </si>
  <si>
    <t>7,90 sec</t>
  </si>
  <si>
    <t>2,57 m</t>
  </si>
  <si>
    <t>16,67 m</t>
  </si>
  <si>
    <t>2:26,74 min</t>
  </si>
  <si>
    <t>Joep</t>
  </si>
  <si>
    <t>Tax</t>
  </si>
  <si>
    <t>7,51 sec</t>
  </si>
  <si>
    <t>2,65 m</t>
  </si>
  <si>
    <t>Jeremy</t>
  </si>
  <si>
    <t>van der Pluijm</t>
  </si>
  <si>
    <t>10,26 sec</t>
  </si>
  <si>
    <t>1,58 m</t>
  </si>
  <si>
    <t>0,70 m</t>
  </si>
  <si>
    <t>Meisjes C-pupillen</t>
  </si>
  <si>
    <t>in aanvraag</t>
  </si>
  <si>
    <t>Jongens C-pupillen</t>
  </si>
  <si>
    <t>Teun</t>
  </si>
  <si>
    <t>Verpalen</t>
  </si>
  <si>
    <t>7,73 sec</t>
  </si>
  <si>
    <t>2,81 m</t>
  </si>
  <si>
    <t>27,82 m</t>
  </si>
  <si>
    <t>2:25,71 min</t>
  </si>
  <si>
    <t>Jurre</t>
  </si>
  <si>
    <t>8,25 sec</t>
  </si>
  <si>
    <t>2,63 m</t>
  </si>
  <si>
    <t>15,51 m</t>
  </si>
  <si>
    <t>2:26,26 min</t>
  </si>
  <si>
    <t>Huub</t>
  </si>
  <si>
    <t>Bastiaensen</t>
  </si>
  <si>
    <t>8,04 sec</t>
  </si>
  <si>
    <t>2,56 m</t>
  </si>
  <si>
    <t>10,90 m</t>
  </si>
  <si>
    <t>0,65 m</t>
  </si>
  <si>
    <t>2:28,25 min</t>
  </si>
  <si>
    <t>Lars</t>
  </si>
  <si>
    <t>Huijbregts</t>
  </si>
  <si>
    <t>8,45 sec</t>
  </si>
  <si>
    <t>2,54 m</t>
  </si>
  <si>
    <t>8,23 m</t>
  </si>
  <si>
    <t>0,80 m</t>
  </si>
  <si>
    <t>2:26,85 min</t>
  </si>
  <si>
    <t>Mahfouz</t>
  </si>
  <si>
    <t>Bah</t>
  </si>
  <si>
    <t>8,69 sec</t>
  </si>
  <si>
    <t>2,48 m</t>
  </si>
  <si>
    <t>15,79 m</t>
  </si>
  <si>
    <t>3:15,88 min</t>
  </si>
  <si>
    <t>Boris</t>
  </si>
  <si>
    <t>Gabriel</t>
  </si>
  <si>
    <t>7,67 sec</t>
  </si>
  <si>
    <t>2,30 m</t>
  </si>
  <si>
    <t>Meisjes Mini Pupillen</t>
  </si>
  <si>
    <t>Fien</t>
  </si>
  <si>
    <t>Zopfi</t>
  </si>
  <si>
    <t>7,97 sec</t>
  </si>
  <si>
    <t>2,80 m</t>
  </si>
  <si>
    <t>9,92 m</t>
  </si>
  <si>
    <t>2:53,60 min</t>
  </si>
  <si>
    <t>Floor</t>
  </si>
  <si>
    <t>Vloedgraven</t>
  </si>
  <si>
    <t>8,05 sec</t>
  </si>
  <si>
    <t>2,52 m</t>
  </si>
  <si>
    <t>9,94 m</t>
  </si>
  <si>
    <t>2:51,23 min</t>
  </si>
  <si>
    <t xml:space="preserve">Hanne </t>
  </si>
  <si>
    <t>8,88 sec</t>
  </si>
  <si>
    <t>2,16 m</t>
  </si>
  <si>
    <t>0,55 m</t>
  </si>
  <si>
    <t>3:06,87 min</t>
  </si>
  <si>
    <t>Liza</t>
  </si>
  <si>
    <t>1,88 m</t>
  </si>
  <si>
    <t>7,27 m</t>
  </si>
  <si>
    <t>3:10,34 min</t>
  </si>
  <si>
    <t>Jongens Mini Pupillen</t>
  </si>
  <si>
    <t>Tim</t>
  </si>
  <si>
    <t>van Erck</t>
  </si>
  <si>
    <t>8,73 sec</t>
  </si>
  <si>
    <t>2,10 m</t>
  </si>
  <si>
    <t>8,21 m</t>
  </si>
  <si>
    <t>3:03,83 min</t>
  </si>
  <si>
    <t>Lizzy</t>
  </si>
  <si>
    <t>van der Borst</t>
  </si>
  <si>
    <t>8,02 sec</t>
  </si>
  <si>
    <t>2,17 m</t>
  </si>
  <si>
    <t>8,22 m</t>
  </si>
  <si>
    <t>2:44,29 min</t>
  </si>
  <si>
    <t>Lieke</t>
  </si>
  <si>
    <t>Spek</t>
  </si>
  <si>
    <t>8,92 sec</t>
  </si>
  <si>
    <t>2,21 m</t>
  </si>
  <si>
    <t>11,39 m</t>
  </si>
  <si>
    <t>2:55,38 min</t>
  </si>
  <si>
    <t>Vrouwen Senioren</t>
  </si>
  <si>
    <t>Sabine</t>
  </si>
  <si>
    <t>Monden</t>
  </si>
  <si>
    <t>13,82 sec</t>
  </si>
  <si>
    <t>4,37 m</t>
  </si>
  <si>
    <t>25,01 m</t>
  </si>
  <si>
    <t>1,57 m</t>
  </si>
  <si>
    <t>23,32 m</t>
  </si>
  <si>
    <t>1:56,87 min</t>
  </si>
  <si>
    <t>Schellekens</t>
  </si>
  <si>
    <t>14,50 sec</t>
  </si>
  <si>
    <t>4,20 m</t>
  </si>
  <si>
    <t>22,80 m</t>
  </si>
  <si>
    <t>21,59 m</t>
  </si>
  <si>
    <t>1:54,88 min</t>
  </si>
  <si>
    <t>Manon</t>
  </si>
  <si>
    <t>14,32 sec</t>
  </si>
  <si>
    <t>3,76 m</t>
  </si>
  <si>
    <t>27,91 m</t>
  </si>
  <si>
    <t>31,25 m</t>
  </si>
  <si>
    <t>Ellen</t>
  </si>
  <si>
    <t>Verdaasdonk</t>
  </si>
  <si>
    <t>15,65 sec</t>
  </si>
  <si>
    <t>3,46 m</t>
  </si>
  <si>
    <t>16,30 m</t>
  </si>
  <si>
    <t>19,46 m</t>
  </si>
  <si>
    <t>2:04,59 min</t>
  </si>
  <si>
    <t>Mannen Senioren</t>
  </si>
  <si>
    <t>Stephan</t>
  </si>
  <si>
    <t>Sweep</t>
  </si>
  <si>
    <t>12,09 sec</t>
  </si>
  <si>
    <t>5,58 m</t>
  </si>
  <si>
    <t>21,21 m</t>
  </si>
  <si>
    <t>1,69 m</t>
  </si>
  <si>
    <t>33,69 m</t>
  </si>
  <si>
    <t>1:36,53 min</t>
  </si>
  <si>
    <t>Richard</t>
  </si>
  <si>
    <t>Kalis</t>
  </si>
  <si>
    <t>12,41 sec</t>
  </si>
  <si>
    <t>5,21 m</t>
  </si>
  <si>
    <t>1,54 m</t>
  </si>
  <si>
    <t>29,36 m</t>
  </si>
  <si>
    <t>1:32,16 min</t>
  </si>
  <si>
    <t>Niels</t>
  </si>
  <si>
    <t>Hanegraaf</t>
  </si>
  <si>
    <t>12,22 sec</t>
  </si>
  <si>
    <t>6,30 m</t>
  </si>
  <si>
    <t>24,68 m</t>
  </si>
  <si>
    <t>1,93 m</t>
  </si>
  <si>
    <t>33,49 m</t>
  </si>
  <si>
    <t>Evert Jan</t>
  </si>
  <si>
    <t>Foppen</t>
  </si>
  <si>
    <t>12,74 sec</t>
  </si>
  <si>
    <t>15,30 m</t>
  </si>
  <si>
    <t>Vrouwen Masters</t>
  </si>
  <si>
    <t>Cat.</t>
  </si>
  <si>
    <t>Ans</t>
  </si>
  <si>
    <t>V50</t>
  </si>
  <si>
    <t>18,17 m</t>
  </si>
  <si>
    <t>22,81 m</t>
  </si>
  <si>
    <t>Mannen Masters</t>
  </si>
  <si>
    <t>Steven</t>
  </si>
  <si>
    <t>van Dievoet</t>
  </si>
  <si>
    <t>M40</t>
  </si>
  <si>
    <t>4,09 m</t>
  </si>
  <si>
    <t>18,48 m</t>
  </si>
  <si>
    <t>1,36 m</t>
  </si>
  <si>
    <t>18,33 m</t>
  </si>
  <si>
    <t>1:43,25 min</t>
  </si>
  <si>
    <t>David</t>
  </si>
  <si>
    <t>Bömer</t>
  </si>
  <si>
    <t>M45</t>
  </si>
  <si>
    <t>14,97 m</t>
  </si>
  <si>
    <t>25,24 m</t>
  </si>
  <si>
    <t>1:47,01 mi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16"/>
      <name val="Calibri"/>
      <family val="2"/>
      <scheme val="minor"/>
    </font>
    <font>
      <b/>
      <sz val="11"/>
      <name val="Calibri"/>
      <family val="2"/>
      <scheme val="minor"/>
    </font>
    <font>
      <b/>
      <i/>
      <sz val="18"/>
      <name val="Calibri"/>
      <family val="2"/>
      <scheme val="minor"/>
    </font>
    <font>
      <i/>
      <sz val="1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32">
    <border>
      <left/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62">
    <xf numFmtId="0" fontId="0" fillId="0" borderId="0" xfId="0"/>
    <xf numFmtId="0" fontId="0" fillId="0" borderId="0" xfId="0" applyAlignment="1">
      <alignment horizontal="left"/>
    </xf>
    <xf numFmtId="0" fontId="0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8" xfId="0" applyFont="1" applyFill="1" applyBorder="1" applyAlignment="1">
      <alignment horizontal="left"/>
    </xf>
    <xf numFmtId="0" fontId="3" fillId="0" borderId="9" xfId="0" applyFont="1" applyFill="1" applyBorder="1" applyAlignment="1">
      <alignment horizontal="left"/>
    </xf>
    <xf numFmtId="0" fontId="3" fillId="0" borderId="20" xfId="0" applyFont="1" applyFill="1" applyBorder="1" applyAlignment="1">
      <alignment horizontal="left"/>
    </xf>
    <xf numFmtId="0" fontId="1" fillId="0" borderId="5" xfId="0" applyFont="1" applyFill="1" applyBorder="1" applyAlignment="1">
      <alignment horizontal="center" vertical="center"/>
    </xf>
    <xf numFmtId="0" fontId="1" fillId="0" borderId="21" xfId="0" applyFont="1" applyFill="1" applyBorder="1" applyAlignment="1">
      <alignment horizontal="left" vertical="center"/>
    </xf>
    <xf numFmtId="0" fontId="1" fillId="0" borderId="7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1" fillId="0" borderId="13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vertical="center"/>
    </xf>
    <xf numFmtId="0" fontId="1" fillId="0" borderId="1" xfId="0" applyFont="1" applyFill="1" applyBorder="1" applyAlignment="1">
      <alignment horizontal="left" vertical="center"/>
    </xf>
    <xf numFmtId="0" fontId="1" fillId="0" borderId="19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1" fillId="0" borderId="8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vertical="center"/>
    </xf>
    <xf numFmtId="0" fontId="1" fillId="0" borderId="20" xfId="0" applyFont="1" applyFill="1" applyBorder="1" applyAlignment="1">
      <alignment horizontal="left" vertical="center"/>
    </xf>
    <xf numFmtId="0" fontId="1" fillId="0" borderId="10" xfId="0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left" vertical="center"/>
    </xf>
    <xf numFmtId="2" fontId="1" fillId="0" borderId="5" xfId="0" applyNumberFormat="1" applyFont="1" applyFill="1" applyBorder="1" applyAlignment="1">
      <alignment horizontal="center" vertical="center"/>
    </xf>
    <xf numFmtId="2" fontId="1" fillId="0" borderId="6" xfId="0" applyNumberFormat="1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2" fontId="1" fillId="0" borderId="13" xfId="0" applyNumberFormat="1" applyFont="1" applyFill="1" applyBorder="1" applyAlignment="1">
      <alignment horizontal="center" vertical="center"/>
    </xf>
    <xf numFmtId="2" fontId="1" fillId="0" borderId="3" xfId="0" applyNumberFormat="1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2" fontId="1" fillId="0" borderId="8" xfId="0" applyNumberFormat="1" applyFont="1" applyFill="1" applyBorder="1" applyAlignment="1">
      <alignment horizontal="center" vertical="center"/>
    </xf>
    <xf numFmtId="2" fontId="1" fillId="0" borderId="9" xfId="0" applyNumberFormat="1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/>
    </xf>
    <xf numFmtId="0" fontId="1" fillId="0" borderId="25" xfId="0" applyFont="1" applyFill="1" applyBorder="1" applyAlignment="1">
      <alignment horizontal="center"/>
    </xf>
    <xf numFmtId="0" fontId="1" fillId="0" borderId="26" xfId="0" applyFont="1" applyFill="1" applyBorder="1" applyAlignment="1">
      <alignment horizontal="center"/>
    </xf>
    <xf numFmtId="0" fontId="1" fillId="0" borderId="10" xfId="0" applyFont="1" applyFill="1" applyBorder="1" applyAlignment="1">
      <alignment horizontal="center"/>
    </xf>
    <xf numFmtId="0" fontId="4" fillId="0" borderId="24" xfId="0" applyFont="1" applyFill="1" applyBorder="1" applyAlignment="1">
      <alignment horizontal="left"/>
    </xf>
    <xf numFmtId="0" fontId="3" fillId="0" borderId="17" xfId="0" applyFont="1" applyFill="1" applyBorder="1" applyAlignment="1">
      <alignment horizontal="center" vertical="center"/>
    </xf>
    <xf numFmtId="0" fontId="3" fillId="0" borderId="24" xfId="0" applyFont="1" applyFill="1" applyBorder="1" applyAlignment="1">
      <alignment horizontal="center" vertical="center"/>
    </xf>
    <xf numFmtId="0" fontId="4" fillId="0" borderId="17" xfId="0" applyFont="1" applyFill="1" applyBorder="1" applyAlignment="1">
      <alignment horizontal="left"/>
    </xf>
    <xf numFmtId="0" fontId="4" fillId="0" borderId="18" xfId="0" applyFont="1" applyFill="1" applyBorder="1" applyAlignment="1">
      <alignment horizontal="left"/>
    </xf>
    <xf numFmtId="0" fontId="4" fillId="0" borderId="24" xfId="0" applyFont="1" applyFill="1" applyBorder="1" applyAlignment="1">
      <alignment horizontal="left"/>
    </xf>
    <xf numFmtId="0" fontId="3" fillId="0" borderId="27" xfId="0" applyFont="1" applyFill="1" applyBorder="1" applyAlignment="1">
      <alignment horizontal="left"/>
    </xf>
    <xf numFmtId="0" fontId="1" fillId="0" borderId="16" xfId="0" applyFont="1" applyFill="1" applyBorder="1" applyAlignment="1">
      <alignment horizontal="left" vertical="center"/>
    </xf>
    <xf numFmtId="0" fontId="1" fillId="0" borderId="28" xfId="0" applyFont="1" applyFill="1" applyBorder="1" applyAlignment="1">
      <alignment horizontal="left" vertical="center"/>
    </xf>
    <xf numFmtId="0" fontId="1" fillId="0" borderId="22" xfId="0" applyFont="1" applyFill="1" applyBorder="1" applyAlignment="1">
      <alignment horizontal="left" vertical="center"/>
    </xf>
    <xf numFmtId="0" fontId="2" fillId="0" borderId="29" xfId="0" applyFont="1" applyFill="1" applyBorder="1" applyAlignment="1">
      <alignment horizontal="center" vertical="center"/>
    </xf>
    <xf numFmtId="0" fontId="2" fillId="0" borderId="30" xfId="0" applyFont="1" applyFill="1" applyBorder="1" applyAlignment="1">
      <alignment horizontal="center" vertical="center"/>
    </xf>
    <xf numFmtId="0" fontId="2" fillId="0" borderId="23" xfId="0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horizontal="center" vertical="center"/>
    </xf>
    <xf numFmtId="0" fontId="5" fillId="0" borderId="16" xfId="0" applyFont="1" applyFill="1" applyBorder="1" applyAlignment="1">
      <alignment horizontal="left" vertical="center"/>
    </xf>
    <xf numFmtId="0" fontId="5" fillId="0" borderId="28" xfId="0" applyFont="1" applyFill="1" applyBorder="1" applyAlignment="1">
      <alignment horizontal="left" vertical="center"/>
    </xf>
    <xf numFmtId="0" fontId="3" fillId="0" borderId="31" xfId="0" applyFont="1" applyFill="1" applyBorder="1" applyAlignment="1">
      <alignment horizontal="left"/>
    </xf>
    <xf numFmtId="0" fontId="3" fillId="0" borderId="15" xfId="0" applyFont="1" applyFill="1" applyBorder="1" applyAlignment="1">
      <alignment horizontal="center"/>
    </xf>
    <xf numFmtId="0" fontId="1" fillId="0" borderId="11" xfId="0" applyFont="1" applyFill="1" applyBorder="1" applyAlignment="1">
      <alignment horizontal="left" vertical="center"/>
    </xf>
    <xf numFmtId="0" fontId="1" fillId="0" borderId="14" xfId="0" applyFont="1" applyFill="1" applyBorder="1" applyAlignment="1">
      <alignment horizontal="center" vertical="center"/>
    </xf>
    <xf numFmtId="0" fontId="1" fillId="0" borderId="4" xfId="0" applyFont="1" applyFill="1" applyBorder="1" applyAlignment="1">
      <alignment horizontal="left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12" xfId="0" applyFont="1" applyFill="1" applyBorder="1" applyAlignment="1">
      <alignment horizontal="left" vertical="center"/>
    </xf>
    <xf numFmtId="0" fontId="1" fillId="0" borderId="15" xfId="0" applyFont="1" applyFill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U18"/>
  <sheetViews>
    <sheetView zoomScale="130" zoomScaleNormal="130" workbookViewId="0">
      <selection activeCell="L4" sqref="L4"/>
    </sheetView>
  </sheetViews>
  <sheetFormatPr defaultRowHeight="14.4" x14ac:dyDescent="0.3"/>
  <cols>
    <col min="1" max="1" width="0.33203125" customWidth="1"/>
    <col min="2" max="2" width="3.33203125" customWidth="1"/>
    <col min="3" max="3" width="7.33203125" bestFit="1" customWidth="1"/>
    <col min="4" max="4" width="11" customWidth="1"/>
    <col min="5" max="5" width="15.5546875" customWidth="1"/>
    <col min="6" max="6" width="4.6640625" bestFit="1" customWidth="1"/>
    <col min="7" max="7" width="15.5546875" customWidth="1"/>
    <col min="8" max="8" width="8.5546875" bestFit="1" customWidth="1"/>
    <col min="9" max="9" width="4.6640625" customWidth="1"/>
    <col min="10" max="10" width="8.5546875" customWidth="1"/>
    <col min="11" max="11" width="4.6640625" customWidth="1"/>
    <col min="12" max="12" width="8.5546875" customWidth="1"/>
    <col min="13" max="13" width="4.6640625" customWidth="1"/>
    <col min="14" max="14" width="8.5546875" customWidth="1"/>
    <col min="15" max="15" width="4.6640625" customWidth="1"/>
    <col min="16" max="16" width="8.5546875" customWidth="1"/>
    <col min="17" max="17" width="4.6640625" customWidth="1"/>
    <col min="18" max="18" width="11.33203125" customWidth="1"/>
    <col min="19" max="19" width="4.6640625" customWidth="1"/>
    <col min="20" max="20" width="7.5546875" customWidth="1"/>
    <col min="21" max="21" width="3.88671875" style="1" bestFit="1" customWidth="1"/>
    <col min="22" max="22" width="5.5546875" customWidth="1"/>
  </cols>
  <sheetData>
    <row r="1" spans="2:21" ht="2.4" customHeight="1" thickBot="1" x14ac:dyDescent="0.35"/>
    <row r="2" spans="2:21" ht="24" thickBot="1" x14ac:dyDescent="0.5">
      <c r="B2" s="41" t="s">
        <v>436</v>
      </c>
      <c r="C2" s="42"/>
      <c r="D2" s="42"/>
      <c r="E2" s="42"/>
      <c r="F2" s="42"/>
      <c r="G2" s="38"/>
      <c r="H2" s="39" t="s">
        <v>6</v>
      </c>
      <c r="I2" s="40"/>
      <c r="J2" s="39" t="s">
        <v>1</v>
      </c>
      <c r="K2" s="40"/>
      <c r="L2" s="39" t="s">
        <v>3</v>
      </c>
      <c r="M2" s="40"/>
      <c r="N2" s="39" t="s">
        <v>0</v>
      </c>
      <c r="O2" s="40"/>
      <c r="P2" s="39" t="s">
        <v>4</v>
      </c>
      <c r="Q2" s="40"/>
      <c r="R2" s="39" t="s">
        <v>8</v>
      </c>
      <c r="S2" s="40"/>
      <c r="T2" s="48" t="s">
        <v>13</v>
      </c>
      <c r="U2" s="49"/>
    </row>
    <row r="3" spans="2:21" ht="15.6" customHeight="1" thickTop="1" thickBot="1" x14ac:dyDescent="0.35">
      <c r="B3" s="4"/>
      <c r="C3" s="5" t="s">
        <v>10</v>
      </c>
      <c r="D3" s="5" t="s">
        <v>11</v>
      </c>
      <c r="E3" s="54" t="s">
        <v>12</v>
      </c>
      <c r="F3" s="55" t="s">
        <v>437</v>
      </c>
      <c r="G3" s="44" t="s">
        <v>74</v>
      </c>
      <c r="H3" s="35" t="s">
        <v>14</v>
      </c>
      <c r="I3" s="36" t="s">
        <v>9</v>
      </c>
      <c r="J3" s="35" t="s">
        <v>14</v>
      </c>
      <c r="K3" s="36" t="s">
        <v>9</v>
      </c>
      <c r="L3" s="35" t="s">
        <v>14</v>
      </c>
      <c r="M3" s="36" t="s">
        <v>9</v>
      </c>
      <c r="N3" s="35" t="s">
        <v>14</v>
      </c>
      <c r="O3" s="36" t="s">
        <v>9</v>
      </c>
      <c r="P3" s="35" t="s">
        <v>14</v>
      </c>
      <c r="Q3" s="36" t="s">
        <v>9</v>
      </c>
      <c r="R3" s="35" t="s">
        <v>14</v>
      </c>
      <c r="S3" s="37" t="s">
        <v>9</v>
      </c>
      <c r="T3" s="50"/>
      <c r="U3" s="51"/>
    </row>
    <row r="4" spans="2:21" s="2" customFormat="1" ht="18" customHeight="1" x14ac:dyDescent="0.3">
      <c r="B4" s="7">
        <v>1</v>
      </c>
      <c r="C4" s="21">
        <v>466</v>
      </c>
      <c r="D4" s="24" t="s">
        <v>438</v>
      </c>
      <c r="E4" s="56" t="s">
        <v>391</v>
      </c>
      <c r="F4" s="57" t="s">
        <v>439</v>
      </c>
      <c r="G4" s="45">
        <v>42125</v>
      </c>
      <c r="H4" s="26" t="s">
        <v>87</v>
      </c>
      <c r="I4" s="9" t="s">
        <v>87</v>
      </c>
      <c r="J4" s="27" t="s">
        <v>87</v>
      </c>
      <c r="K4" s="9" t="s">
        <v>87</v>
      </c>
      <c r="L4" s="27" t="s">
        <v>440</v>
      </c>
      <c r="M4" s="9">
        <v>411</v>
      </c>
      <c r="N4" s="27" t="s">
        <v>87</v>
      </c>
      <c r="O4" s="9" t="s">
        <v>87</v>
      </c>
      <c r="P4" s="27" t="s">
        <v>441</v>
      </c>
      <c r="Q4" s="9">
        <v>599</v>
      </c>
      <c r="R4" s="21" t="s">
        <v>87</v>
      </c>
      <c r="S4" s="9" t="s">
        <v>87</v>
      </c>
      <c r="T4" s="10">
        <v>1010</v>
      </c>
      <c r="U4" s="28" t="s">
        <v>9</v>
      </c>
    </row>
    <row r="5" spans="2:21" s="3" customFormat="1" ht="18" customHeight="1" x14ac:dyDescent="0.3">
      <c r="B5" s="11" t="s">
        <v>87</v>
      </c>
      <c r="C5" s="22" t="s">
        <v>87</v>
      </c>
      <c r="D5" s="25" t="s">
        <v>87</v>
      </c>
      <c r="E5" s="58" t="s">
        <v>87</v>
      </c>
      <c r="F5" s="59" t="s">
        <v>87</v>
      </c>
      <c r="G5" s="46"/>
      <c r="H5" s="29" t="s">
        <v>87</v>
      </c>
      <c r="I5" s="14" t="s">
        <v>87</v>
      </c>
      <c r="J5" s="30" t="s">
        <v>87</v>
      </c>
      <c r="K5" s="14" t="s">
        <v>87</v>
      </c>
      <c r="L5" s="30" t="s">
        <v>87</v>
      </c>
      <c r="M5" s="14" t="s">
        <v>87</v>
      </c>
      <c r="N5" s="30" t="s">
        <v>87</v>
      </c>
      <c r="O5" s="14" t="s">
        <v>87</v>
      </c>
      <c r="P5" s="30" t="s">
        <v>87</v>
      </c>
      <c r="Q5" s="14" t="s">
        <v>87</v>
      </c>
      <c r="R5" s="22" t="s">
        <v>87</v>
      </c>
      <c r="S5" s="14" t="s">
        <v>87</v>
      </c>
      <c r="T5" s="15" t="s">
        <v>87</v>
      </c>
      <c r="U5" s="31" t="s">
        <v>87</v>
      </c>
    </row>
    <row r="6" spans="2:21" s="3" customFormat="1" ht="18" customHeight="1" x14ac:dyDescent="0.3">
      <c r="B6" s="11" t="s">
        <v>87</v>
      </c>
      <c r="C6" s="22" t="s">
        <v>87</v>
      </c>
      <c r="D6" s="25" t="s">
        <v>87</v>
      </c>
      <c r="E6" s="58" t="s">
        <v>87</v>
      </c>
      <c r="F6" s="59" t="s">
        <v>87</v>
      </c>
      <c r="G6" s="46"/>
      <c r="H6" s="29" t="s">
        <v>87</v>
      </c>
      <c r="I6" s="14" t="s">
        <v>87</v>
      </c>
      <c r="J6" s="30" t="s">
        <v>87</v>
      </c>
      <c r="K6" s="14" t="s">
        <v>87</v>
      </c>
      <c r="L6" s="30" t="s">
        <v>87</v>
      </c>
      <c r="M6" s="14" t="s">
        <v>87</v>
      </c>
      <c r="N6" s="30" t="s">
        <v>87</v>
      </c>
      <c r="O6" s="14" t="s">
        <v>87</v>
      </c>
      <c r="P6" s="30" t="s">
        <v>87</v>
      </c>
      <c r="Q6" s="14" t="s">
        <v>87</v>
      </c>
      <c r="R6" s="22" t="s">
        <v>87</v>
      </c>
      <c r="S6" s="14" t="s">
        <v>87</v>
      </c>
      <c r="T6" s="15" t="s">
        <v>87</v>
      </c>
      <c r="U6" s="31" t="s">
        <v>87</v>
      </c>
    </row>
    <row r="7" spans="2:21" s="3" customFormat="1" ht="18" customHeight="1" x14ac:dyDescent="0.3">
      <c r="B7" s="11" t="s">
        <v>87</v>
      </c>
      <c r="C7" s="22" t="s">
        <v>87</v>
      </c>
      <c r="D7" s="25" t="s">
        <v>87</v>
      </c>
      <c r="E7" s="58" t="s">
        <v>87</v>
      </c>
      <c r="F7" s="59" t="s">
        <v>87</v>
      </c>
      <c r="G7" s="46"/>
      <c r="H7" s="29" t="s">
        <v>87</v>
      </c>
      <c r="I7" s="14" t="s">
        <v>87</v>
      </c>
      <c r="J7" s="30" t="s">
        <v>87</v>
      </c>
      <c r="K7" s="14" t="s">
        <v>87</v>
      </c>
      <c r="L7" s="30" t="s">
        <v>87</v>
      </c>
      <c r="M7" s="14" t="s">
        <v>87</v>
      </c>
      <c r="N7" s="30" t="s">
        <v>87</v>
      </c>
      <c r="O7" s="14" t="s">
        <v>87</v>
      </c>
      <c r="P7" s="30" t="s">
        <v>87</v>
      </c>
      <c r="Q7" s="14" t="s">
        <v>87</v>
      </c>
      <c r="R7" s="22" t="s">
        <v>87</v>
      </c>
      <c r="S7" s="14" t="s">
        <v>87</v>
      </c>
      <c r="T7" s="15" t="s">
        <v>87</v>
      </c>
      <c r="U7" s="31" t="s">
        <v>87</v>
      </c>
    </row>
    <row r="8" spans="2:21" s="3" customFormat="1" ht="18" customHeight="1" x14ac:dyDescent="0.3">
      <c r="B8" s="11" t="s">
        <v>87</v>
      </c>
      <c r="C8" s="22" t="s">
        <v>87</v>
      </c>
      <c r="D8" s="25" t="s">
        <v>87</v>
      </c>
      <c r="E8" s="58" t="s">
        <v>87</v>
      </c>
      <c r="F8" s="59" t="s">
        <v>87</v>
      </c>
      <c r="G8" s="46"/>
      <c r="H8" s="29" t="s">
        <v>87</v>
      </c>
      <c r="I8" s="14" t="s">
        <v>87</v>
      </c>
      <c r="J8" s="30" t="s">
        <v>87</v>
      </c>
      <c r="K8" s="14" t="s">
        <v>87</v>
      </c>
      <c r="L8" s="30" t="s">
        <v>87</v>
      </c>
      <c r="M8" s="14" t="s">
        <v>87</v>
      </c>
      <c r="N8" s="30" t="s">
        <v>87</v>
      </c>
      <c r="O8" s="14" t="s">
        <v>87</v>
      </c>
      <c r="P8" s="30" t="s">
        <v>87</v>
      </c>
      <c r="Q8" s="14" t="s">
        <v>87</v>
      </c>
      <c r="R8" s="22" t="s">
        <v>87</v>
      </c>
      <c r="S8" s="14" t="s">
        <v>87</v>
      </c>
      <c r="T8" s="15" t="s">
        <v>87</v>
      </c>
      <c r="U8" s="31" t="s">
        <v>87</v>
      </c>
    </row>
    <row r="9" spans="2:21" s="3" customFormat="1" ht="18" customHeight="1" x14ac:dyDescent="0.3">
      <c r="B9" s="11" t="s">
        <v>87</v>
      </c>
      <c r="C9" s="22" t="s">
        <v>87</v>
      </c>
      <c r="D9" s="25" t="s">
        <v>87</v>
      </c>
      <c r="E9" s="58" t="s">
        <v>87</v>
      </c>
      <c r="F9" s="59" t="s">
        <v>87</v>
      </c>
      <c r="G9" s="46"/>
      <c r="H9" s="29" t="s">
        <v>87</v>
      </c>
      <c r="I9" s="14" t="s">
        <v>87</v>
      </c>
      <c r="J9" s="30" t="s">
        <v>87</v>
      </c>
      <c r="K9" s="14" t="s">
        <v>87</v>
      </c>
      <c r="L9" s="30" t="s">
        <v>87</v>
      </c>
      <c r="M9" s="14" t="s">
        <v>87</v>
      </c>
      <c r="N9" s="30" t="s">
        <v>87</v>
      </c>
      <c r="O9" s="14" t="s">
        <v>87</v>
      </c>
      <c r="P9" s="30" t="s">
        <v>87</v>
      </c>
      <c r="Q9" s="14" t="s">
        <v>87</v>
      </c>
      <c r="R9" s="22" t="s">
        <v>87</v>
      </c>
      <c r="S9" s="14" t="s">
        <v>87</v>
      </c>
      <c r="T9" s="15" t="s">
        <v>87</v>
      </c>
      <c r="U9" s="31" t="s">
        <v>87</v>
      </c>
    </row>
    <row r="10" spans="2:21" s="3" customFormat="1" ht="18" customHeight="1" x14ac:dyDescent="0.3">
      <c r="B10" s="11" t="s">
        <v>87</v>
      </c>
      <c r="C10" s="22" t="s">
        <v>87</v>
      </c>
      <c r="D10" s="25" t="s">
        <v>87</v>
      </c>
      <c r="E10" s="58" t="s">
        <v>87</v>
      </c>
      <c r="F10" s="59" t="s">
        <v>87</v>
      </c>
      <c r="G10" s="46"/>
      <c r="H10" s="29" t="s">
        <v>87</v>
      </c>
      <c r="I10" s="14" t="s">
        <v>87</v>
      </c>
      <c r="J10" s="30" t="s">
        <v>87</v>
      </c>
      <c r="K10" s="14" t="s">
        <v>87</v>
      </c>
      <c r="L10" s="30" t="s">
        <v>87</v>
      </c>
      <c r="M10" s="14" t="s">
        <v>87</v>
      </c>
      <c r="N10" s="30" t="s">
        <v>87</v>
      </c>
      <c r="O10" s="14" t="s">
        <v>87</v>
      </c>
      <c r="P10" s="30" t="s">
        <v>87</v>
      </c>
      <c r="Q10" s="14" t="s">
        <v>87</v>
      </c>
      <c r="R10" s="22" t="s">
        <v>87</v>
      </c>
      <c r="S10" s="14" t="s">
        <v>87</v>
      </c>
      <c r="T10" s="15" t="s">
        <v>87</v>
      </c>
      <c r="U10" s="31" t="s">
        <v>87</v>
      </c>
    </row>
    <row r="11" spans="2:21" s="3" customFormat="1" ht="18" customHeight="1" x14ac:dyDescent="0.3">
      <c r="B11" s="11" t="s">
        <v>87</v>
      </c>
      <c r="C11" s="22" t="s">
        <v>87</v>
      </c>
      <c r="D11" s="12" t="s">
        <v>87</v>
      </c>
      <c r="E11" s="58" t="s">
        <v>87</v>
      </c>
      <c r="F11" s="59" t="s">
        <v>87</v>
      </c>
      <c r="G11" s="46"/>
      <c r="H11" s="29" t="s">
        <v>87</v>
      </c>
      <c r="I11" s="14" t="s">
        <v>87</v>
      </c>
      <c r="J11" s="30" t="s">
        <v>87</v>
      </c>
      <c r="K11" s="14" t="s">
        <v>87</v>
      </c>
      <c r="L11" s="30" t="s">
        <v>87</v>
      </c>
      <c r="M11" s="14" t="s">
        <v>87</v>
      </c>
      <c r="N11" s="30" t="s">
        <v>87</v>
      </c>
      <c r="O11" s="14" t="s">
        <v>87</v>
      </c>
      <c r="P11" s="30" t="s">
        <v>87</v>
      </c>
      <c r="Q11" s="14" t="s">
        <v>87</v>
      </c>
      <c r="R11" s="22" t="s">
        <v>87</v>
      </c>
      <c r="S11" s="14" t="s">
        <v>87</v>
      </c>
      <c r="T11" s="15" t="s">
        <v>87</v>
      </c>
      <c r="U11" s="31" t="s">
        <v>87</v>
      </c>
    </row>
    <row r="12" spans="2:21" s="3" customFormat="1" ht="18" customHeight="1" x14ac:dyDescent="0.3">
      <c r="B12" s="11" t="s">
        <v>87</v>
      </c>
      <c r="C12" s="22" t="s">
        <v>87</v>
      </c>
      <c r="D12" s="12" t="s">
        <v>87</v>
      </c>
      <c r="E12" s="58" t="s">
        <v>87</v>
      </c>
      <c r="F12" s="59" t="s">
        <v>87</v>
      </c>
      <c r="G12" s="46"/>
      <c r="H12" s="29" t="s">
        <v>87</v>
      </c>
      <c r="I12" s="14" t="s">
        <v>87</v>
      </c>
      <c r="J12" s="30" t="s">
        <v>87</v>
      </c>
      <c r="K12" s="14" t="s">
        <v>87</v>
      </c>
      <c r="L12" s="30" t="s">
        <v>87</v>
      </c>
      <c r="M12" s="14" t="s">
        <v>87</v>
      </c>
      <c r="N12" s="30" t="s">
        <v>87</v>
      </c>
      <c r="O12" s="14" t="s">
        <v>87</v>
      </c>
      <c r="P12" s="30" t="s">
        <v>87</v>
      </c>
      <c r="Q12" s="14" t="s">
        <v>87</v>
      </c>
      <c r="R12" s="22" t="s">
        <v>87</v>
      </c>
      <c r="S12" s="14" t="s">
        <v>87</v>
      </c>
      <c r="T12" s="15" t="s">
        <v>87</v>
      </c>
      <c r="U12" s="31" t="s">
        <v>87</v>
      </c>
    </row>
    <row r="13" spans="2:21" s="3" customFormat="1" ht="18" customHeight="1" x14ac:dyDescent="0.3">
      <c r="B13" s="11" t="s">
        <v>87</v>
      </c>
      <c r="C13" s="22" t="s">
        <v>87</v>
      </c>
      <c r="D13" s="12" t="s">
        <v>87</v>
      </c>
      <c r="E13" s="58" t="s">
        <v>87</v>
      </c>
      <c r="F13" s="59" t="s">
        <v>87</v>
      </c>
      <c r="G13" s="46"/>
      <c r="H13" s="29" t="s">
        <v>87</v>
      </c>
      <c r="I13" s="14" t="s">
        <v>87</v>
      </c>
      <c r="J13" s="30" t="s">
        <v>87</v>
      </c>
      <c r="K13" s="14" t="s">
        <v>87</v>
      </c>
      <c r="L13" s="30" t="s">
        <v>87</v>
      </c>
      <c r="M13" s="14" t="s">
        <v>87</v>
      </c>
      <c r="N13" s="30" t="s">
        <v>87</v>
      </c>
      <c r="O13" s="14" t="s">
        <v>87</v>
      </c>
      <c r="P13" s="30" t="s">
        <v>87</v>
      </c>
      <c r="Q13" s="14" t="s">
        <v>87</v>
      </c>
      <c r="R13" s="22" t="s">
        <v>87</v>
      </c>
      <c r="S13" s="14" t="s">
        <v>87</v>
      </c>
      <c r="T13" s="15" t="s">
        <v>87</v>
      </c>
      <c r="U13" s="31" t="s">
        <v>87</v>
      </c>
    </row>
    <row r="14" spans="2:21" s="3" customFormat="1" ht="18" customHeight="1" x14ac:dyDescent="0.3">
      <c r="B14" s="11" t="s">
        <v>87</v>
      </c>
      <c r="C14" s="22" t="s">
        <v>87</v>
      </c>
      <c r="D14" s="12" t="s">
        <v>87</v>
      </c>
      <c r="E14" s="58" t="s">
        <v>87</v>
      </c>
      <c r="F14" s="59" t="s">
        <v>87</v>
      </c>
      <c r="G14" s="46"/>
      <c r="H14" s="29" t="s">
        <v>87</v>
      </c>
      <c r="I14" s="14" t="s">
        <v>87</v>
      </c>
      <c r="J14" s="30" t="s">
        <v>87</v>
      </c>
      <c r="K14" s="14" t="s">
        <v>87</v>
      </c>
      <c r="L14" s="30" t="s">
        <v>87</v>
      </c>
      <c r="M14" s="14" t="s">
        <v>87</v>
      </c>
      <c r="N14" s="30" t="s">
        <v>87</v>
      </c>
      <c r="O14" s="14" t="s">
        <v>87</v>
      </c>
      <c r="P14" s="30" t="s">
        <v>87</v>
      </c>
      <c r="Q14" s="14" t="s">
        <v>87</v>
      </c>
      <c r="R14" s="22" t="s">
        <v>87</v>
      </c>
      <c r="S14" s="14" t="s">
        <v>87</v>
      </c>
      <c r="T14" s="15" t="s">
        <v>87</v>
      </c>
      <c r="U14" s="31" t="s">
        <v>87</v>
      </c>
    </row>
    <row r="15" spans="2:21" s="3" customFormat="1" ht="18" customHeight="1" x14ac:dyDescent="0.3">
      <c r="B15" s="11" t="s">
        <v>87</v>
      </c>
      <c r="C15" s="22" t="s">
        <v>87</v>
      </c>
      <c r="D15" s="12" t="s">
        <v>87</v>
      </c>
      <c r="E15" s="58" t="s">
        <v>87</v>
      </c>
      <c r="F15" s="59" t="s">
        <v>87</v>
      </c>
      <c r="G15" s="46"/>
      <c r="H15" s="29" t="s">
        <v>87</v>
      </c>
      <c r="I15" s="14" t="s">
        <v>87</v>
      </c>
      <c r="J15" s="30" t="s">
        <v>87</v>
      </c>
      <c r="K15" s="14" t="s">
        <v>87</v>
      </c>
      <c r="L15" s="30" t="s">
        <v>87</v>
      </c>
      <c r="M15" s="14" t="s">
        <v>87</v>
      </c>
      <c r="N15" s="30" t="s">
        <v>87</v>
      </c>
      <c r="O15" s="14" t="s">
        <v>87</v>
      </c>
      <c r="P15" s="30" t="s">
        <v>87</v>
      </c>
      <c r="Q15" s="14" t="s">
        <v>87</v>
      </c>
      <c r="R15" s="22" t="s">
        <v>87</v>
      </c>
      <c r="S15" s="14" t="s">
        <v>87</v>
      </c>
      <c r="T15" s="15" t="s">
        <v>87</v>
      </c>
      <c r="U15" s="31" t="s">
        <v>87</v>
      </c>
    </row>
    <row r="16" spans="2:21" s="3" customFormat="1" ht="18" customHeight="1" x14ac:dyDescent="0.3">
      <c r="B16" s="11" t="s">
        <v>87</v>
      </c>
      <c r="C16" s="22" t="s">
        <v>87</v>
      </c>
      <c r="D16" s="12" t="s">
        <v>87</v>
      </c>
      <c r="E16" s="58" t="s">
        <v>87</v>
      </c>
      <c r="F16" s="59" t="s">
        <v>87</v>
      </c>
      <c r="G16" s="46"/>
      <c r="H16" s="29" t="s">
        <v>87</v>
      </c>
      <c r="I16" s="14" t="s">
        <v>87</v>
      </c>
      <c r="J16" s="30" t="s">
        <v>87</v>
      </c>
      <c r="K16" s="14" t="s">
        <v>87</v>
      </c>
      <c r="L16" s="30" t="s">
        <v>87</v>
      </c>
      <c r="M16" s="14" t="s">
        <v>87</v>
      </c>
      <c r="N16" s="30" t="s">
        <v>87</v>
      </c>
      <c r="O16" s="14" t="s">
        <v>87</v>
      </c>
      <c r="P16" s="30" t="s">
        <v>87</v>
      </c>
      <c r="Q16" s="14" t="s">
        <v>87</v>
      </c>
      <c r="R16" s="22" t="s">
        <v>87</v>
      </c>
      <c r="S16" s="14" t="s">
        <v>87</v>
      </c>
      <c r="T16" s="15" t="s">
        <v>87</v>
      </c>
      <c r="U16" s="31" t="s">
        <v>87</v>
      </c>
    </row>
    <row r="17" spans="2:21" s="3" customFormat="1" ht="18" customHeight="1" x14ac:dyDescent="0.3">
      <c r="B17" s="11" t="s">
        <v>87</v>
      </c>
      <c r="C17" s="22" t="s">
        <v>87</v>
      </c>
      <c r="D17" s="12" t="s">
        <v>87</v>
      </c>
      <c r="E17" s="58" t="s">
        <v>87</v>
      </c>
      <c r="F17" s="59" t="s">
        <v>87</v>
      </c>
      <c r="G17" s="46"/>
      <c r="H17" s="29" t="s">
        <v>87</v>
      </c>
      <c r="I17" s="14" t="s">
        <v>87</v>
      </c>
      <c r="J17" s="30" t="s">
        <v>87</v>
      </c>
      <c r="K17" s="14" t="s">
        <v>87</v>
      </c>
      <c r="L17" s="30" t="s">
        <v>87</v>
      </c>
      <c r="M17" s="14" t="s">
        <v>87</v>
      </c>
      <c r="N17" s="30" t="s">
        <v>87</v>
      </c>
      <c r="O17" s="14" t="s">
        <v>87</v>
      </c>
      <c r="P17" s="30" t="s">
        <v>87</v>
      </c>
      <c r="Q17" s="14" t="s">
        <v>87</v>
      </c>
      <c r="R17" s="22" t="s">
        <v>87</v>
      </c>
      <c r="S17" s="14" t="s">
        <v>87</v>
      </c>
      <c r="T17" s="15" t="s">
        <v>87</v>
      </c>
      <c r="U17" s="31" t="s">
        <v>87</v>
      </c>
    </row>
    <row r="18" spans="2:21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60" t="s">
        <v>87</v>
      </c>
      <c r="F18" s="61" t="s">
        <v>87</v>
      </c>
      <c r="G18" s="47"/>
      <c r="H18" s="32" t="s">
        <v>87</v>
      </c>
      <c r="I18" s="19" t="s">
        <v>87</v>
      </c>
      <c r="J18" s="33" t="s">
        <v>87</v>
      </c>
      <c r="K18" s="19" t="s">
        <v>87</v>
      </c>
      <c r="L18" s="33" t="s">
        <v>87</v>
      </c>
      <c r="M18" s="19" t="s">
        <v>87</v>
      </c>
      <c r="N18" s="33" t="s">
        <v>87</v>
      </c>
      <c r="O18" s="19" t="s">
        <v>87</v>
      </c>
      <c r="P18" s="33" t="s">
        <v>87</v>
      </c>
      <c r="Q18" s="19" t="s">
        <v>87</v>
      </c>
      <c r="R18" s="23" t="s">
        <v>87</v>
      </c>
      <c r="S18" s="19" t="s">
        <v>87</v>
      </c>
      <c r="T18" s="20" t="s">
        <v>87</v>
      </c>
      <c r="U18" s="34" t="s">
        <v>87</v>
      </c>
    </row>
  </sheetData>
  <mergeCells count="8">
    <mergeCell ref="R2:S2"/>
    <mergeCell ref="T2:U3"/>
    <mergeCell ref="B2:F2"/>
    <mergeCell ref="H2:I2"/>
    <mergeCell ref="J2:K2"/>
    <mergeCell ref="L2:M2"/>
    <mergeCell ref="N2:O2"/>
    <mergeCell ref="P2:Q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/>
  </sheetPr>
  <dimension ref="B1:T18"/>
  <sheetViews>
    <sheetView zoomScale="130" zoomScaleNormal="130" workbookViewId="0">
      <selection activeCell="K14" sqref="K14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8.88671875" customWidth="1"/>
    <col min="16" max="16" width="4.6640625" customWidth="1"/>
    <col min="17" max="17" width="11.33203125" customWidth="1"/>
    <col min="18" max="18" width="4.6640625" customWidth="1"/>
    <col min="19" max="19" width="7.5546875" bestFit="1" customWidth="1"/>
    <col min="20" max="20" width="3.88671875" style="1" bestFit="1" customWidth="1"/>
    <col min="21" max="21" width="5.5546875" customWidth="1"/>
  </cols>
  <sheetData>
    <row r="1" spans="2:20" ht="2.4" customHeight="1" thickBot="1" x14ac:dyDescent="0.35"/>
    <row r="2" spans="2:20" ht="24" thickBot="1" x14ac:dyDescent="0.5">
      <c r="B2" s="41" t="s">
        <v>20</v>
      </c>
      <c r="C2" s="42"/>
      <c r="D2" s="42"/>
      <c r="E2" s="42"/>
      <c r="F2" s="38"/>
      <c r="G2" s="39" t="s">
        <v>6</v>
      </c>
      <c r="H2" s="40"/>
      <c r="I2" s="39" t="s">
        <v>1</v>
      </c>
      <c r="J2" s="40"/>
      <c r="K2" s="39" t="s">
        <v>3</v>
      </c>
      <c r="L2" s="40"/>
      <c r="M2" s="39" t="s">
        <v>0</v>
      </c>
      <c r="N2" s="40"/>
      <c r="O2" s="39" t="s">
        <v>4</v>
      </c>
      <c r="P2" s="40"/>
      <c r="Q2" s="39" t="s">
        <v>8</v>
      </c>
      <c r="R2" s="40"/>
      <c r="S2" s="48" t="s">
        <v>13</v>
      </c>
      <c r="T2" s="49"/>
    </row>
    <row r="3" spans="2:20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6" t="s">
        <v>9</v>
      </c>
      <c r="Q3" s="35" t="s">
        <v>14</v>
      </c>
      <c r="R3" s="37" t="s">
        <v>9</v>
      </c>
      <c r="S3" s="50"/>
      <c r="T3" s="51"/>
    </row>
    <row r="4" spans="2:20" s="2" customFormat="1" ht="18" customHeight="1" x14ac:dyDescent="0.3">
      <c r="B4" s="7">
        <v>1</v>
      </c>
      <c r="C4" s="21">
        <v>501</v>
      </c>
      <c r="D4" s="24" t="s">
        <v>55</v>
      </c>
      <c r="E4" s="8" t="s">
        <v>56</v>
      </c>
      <c r="F4" s="45">
        <v>904494</v>
      </c>
      <c r="G4" s="26" t="s">
        <v>164</v>
      </c>
      <c r="H4" s="9">
        <v>522</v>
      </c>
      <c r="I4" s="27" t="s">
        <v>165</v>
      </c>
      <c r="J4" s="9">
        <v>568</v>
      </c>
      <c r="K4" s="27" t="s">
        <v>166</v>
      </c>
      <c r="L4" s="9">
        <v>394</v>
      </c>
      <c r="M4" s="27" t="s">
        <v>167</v>
      </c>
      <c r="N4" s="9">
        <v>663</v>
      </c>
      <c r="O4" s="27" t="s">
        <v>168</v>
      </c>
      <c r="P4" s="9">
        <v>424</v>
      </c>
      <c r="Q4" s="21" t="s">
        <v>169</v>
      </c>
      <c r="R4" s="9">
        <v>507</v>
      </c>
      <c r="S4" s="10">
        <v>3078</v>
      </c>
      <c r="T4" s="28" t="s">
        <v>9</v>
      </c>
    </row>
    <row r="5" spans="2:20" s="3" customFormat="1" ht="18" customHeight="1" x14ac:dyDescent="0.3">
      <c r="B5" s="11">
        <v>2</v>
      </c>
      <c r="C5" s="22">
        <v>503</v>
      </c>
      <c r="D5" s="25" t="s">
        <v>57</v>
      </c>
      <c r="E5" s="13" t="s">
        <v>58</v>
      </c>
      <c r="F5" s="46">
        <v>721029</v>
      </c>
      <c r="G5" s="29" t="s">
        <v>117</v>
      </c>
      <c r="H5" s="14">
        <v>409</v>
      </c>
      <c r="I5" s="30" t="s">
        <v>170</v>
      </c>
      <c r="J5" s="14">
        <v>444</v>
      </c>
      <c r="K5" s="30" t="s">
        <v>171</v>
      </c>
      <c r="L5" s="14">
        <v>275</v>
      </c>
      <c r="M5" s="30" t="s">
        <v>167</v>
      </c>
      <c r="N5" s="14">
        <v>663</v>
      </c>
      <c r="O5" s="30" t="s">
        <v>172</v>
      </c>
      <c r="P5" s="14">
        <v>363</v>
      </c>
      <c r="Q5" s="22" t="s">
        <v>173</v>
      </c>
      <c r="R5" s="14">
        <v>555</v>
      </c>
      <c r="S5" s="15">
        <v>2709</v>
      </c>
      <c r="T5" s="31" t="s">
        <v>9</v>
      </c>
    </row>
    <row r="6" spans="2:20" s="3" customFormat="1" ht="18" customHeight="1" x14ac:dyDescent="0.3">
      <c r="B6" s="11">
        <v>3</v>
      </c>
      <c r="C6" s="22">
        <v>502</v>
      </c>
      <c r="D6" s="25" t="s">
        <v>55</v>
      </c>
      <c r="E6" s="13" t="s">
        <v>24</v>
      </c>
      <c r="F6" s="46">
        <v>868601</v>
      </c>
      <c r="G6" s="29" t="s">
        <v>174</v>
      </c>
      <c r="H6" s="14">
        <v>399</v>
      </c>
      <c r="I6" s="30" t="s">
        <v>175</v>
      </c>
      <c r="J6" s="14">
        <v>296</v>
      </c>
      <c r="K6" s="30" t="s">
        <v>176</v>
      </c>
      <c r="L6" s="14">
        <v>153</v>
      </c>
      <c r="M6" s="30" t="s">
        <v>177</v>
      </c>
      <c r="N6" s="14">
        <v>426</v>
      </c>
      <c r="O6" s="30" t="s">
        <v>178</v>
      </c>
      <c r="P6" s="14">
        <v>164</v>
      </c>
      <c r="Q6" s="22" t="s">
        <v>179</v>
      </c>
      <c r="R6" s="14">
        <v>428</v>
      </c>
      <c r="S6" s="15">
        <v>1866</v>
      </c>
      <c r="T6" s="31" t="s">
        <v>9</v>
      </c>
    </row>
    <row r="7" spans="2:20" s="3" customFormat="1" ht="18" customHeight="1" x14ac:dyDescent="0.3">
      <c r="B7" s="11" t="s">
        <v>87</v>
      </c>
      <c r="C7" s="22" t="s">
        <v>87</v>
      </c>
      <c r="D7" s="25" t="s">
        <v>87</v>
      </c>
      <c r="E7" s="13" t="s">
        <v>87</v>
      </c>
      <c r="F7" s="46"/>
      <c r="G7" s="29" t="s">
        <v>87</v>
      </c>
      <c r="H7" s="14" t="s">
        <v>87</v>
      </c>
      <c r="I7" s="30" t="s">
        <v>87</v>
      </c>
      <c r="J7" s="14" t="s">
        <v>87</v>
      </c>
      <c r="K7" s="30" t="s">
        <v>87</v>
      </c>
      <c r="L7" s="14" t="s">
        <v>87</v>
      </c>
      <c r="M7" s="30" t="s">
        <v>87</v>
      </c>
      <c r="N7" s="14" t="s">
        <v>87</v>
      </c>
      <c r="O7" s="30" t="s">
        <v>87</v>
      </c>
      <c r="P7" s="14" t="s">
        <v>87</v>
      </c>
      <c r="Q7" s="22" t="s">
        <v>87</v>
      </c>
      <c r="R7" s="14" t="s">
        <v>87</v>
      </c>
      <c r="S7" s="15" t="s">
        <v>87</v>
      </c>
      <c r="T7" s="31" t="s">
        <v>87</v>
      </c>
    </row>
    <row r="8" spans="2:20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30" t="s">
        <v>87</v>
      </c>
      <c r="P8" s="14" t="s">
        <v>87</v>
      </c>
      <c r="Q8" s="22" t="s">
        <v>87</v>
      </c>
      <c r="R8" s="14" t="s">
        <v>87</v>
      </c>
      <c r="S8" s="15" t="s">
        <v>87</v>
      </c>
      <c r="T8" s="31" t="s">
        <v>87</v>
      </c>
    </row>
    <row r="9" spans="2:20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30" t="s">
        <v>87</v>
      </c>
      <c r="P9" s="14" t="s">
        <v>87</v>
      </c>
      <c r="Q9" s="22" t="s">
        <v>87</v>
      </c>
      <c r="R9" s="14" t="s">
        <v>87</v>
      </c>
      <c r="S9" s="15" t="s">
        <v>87</v>
      </c>
      <c r="T9" s="31" t="s">
        <v>87</v>
      </c>
    </row>
    <row r="10" spans="2:20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30" t="s">
        <v>87</v>
      </c>
      <c r="P10" s="14" t="s">
        <v>87</v>
      </c>
      <c r="Q10" s="22" t="s">
        <v>87</v>
      </c>
      <c r="R10" s="14" t="s">
        <v>87</v>
      </c>
      <c r="S10" s="15" t="s">
        <v>87</v>
      </c>
      <c r="T10" s="31" t="s">
        <v>87</v>
      </c>
    </row>
    <row r="11" spans="2:20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30" t="s">
        <v>87</v>
      </c>
      <c r="P11" s="14" t="s">
        <v>87</v>
      </c>
      <c r="Q11" s="22" t="s">
        <v>87</v>
      </c>
      <c r="R11" s="14" t="s">
        <v>87</v>
      </c>
      <c r="S11" s="15" t="s">
        <v>87</v>
      </c>
      <c r="T11" s="31" t="s">
        <v>87</v>
      </c>
    </row>
    <row r="12" spans="2:20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30" t="s">
        <v>87</v>
      </c>
      <c r="P12" s="14" t="s">
        <v>87</v>
      </c>
      <c r="Q12" s="22" t="s">
        <v>87</v>
      </c>
      <c r="R12" s="14" t="s">
        <v>87</v>
      </c>
      <c r="S12" s="15" t="s">
        <v>87</v>
      </c>
      <c r="T12" s="31" t="s">
        <v>87</v>
      </c>
    </row>
    <row r="13" spans="2:20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30" t="s">
        <v>87</v>
      </c>
      <c r="P13" s="14" t="s">
        <v>87</v>
      </c>
      <c r="Q13" s="22" t="s">
        <v>87</v>
      </c>
      <c r="R13" s="14" t="s">
        <v>87</v>
      </c>
      <c r="S13" s="15" t="s">
        <v>87</v>
      </c>
      <c r="T13" s="31" t="s">
        <v>87</v>
      </c>
    </row>
    <row r="14" spans="2:20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30" t="s">
        <v>87</v>
      </c>
      <c r="P14" s="14" t="s">
        <v>87</v>
      </c>
      <c r="Q14" s="22" t="s">
        <v>87</v>
      </c>
      <c r="R14" s="14" t="s">
        <v>87</v>
      </c>
      <c r="S14" s="15" t="s">
        <v>87</v>
      </c>
      <c r="T14" s="31" t="s">
        <v>87</v>
      </c>
    </row>
    <row r="15" spans="2:20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30" t="s">
        <v>87</v>
      </c>
      <c r="P15" s="14" t="s">
        <v>87</v>
      </c>
      <c r="Q15" s="22" t="s">
        <v>87</v>
      </c>
      <c r="R15" s="14" t="s">
        <v>87</v>
      </c>
      <c r="S15" s="15" t="s">
        <v>87</v>
      </c>
      <c r="T15" s="31" t="s">
        <v>87</v>
      </c>
    </row>
    <row r="16" spans="2:20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30" t="s">
        <v>87</v>
      </c>
      <c r="P16" s="14" t="s">
        <v>87</v>
      </c>
      <c r="Q16" s="22" t="s">
        <v>87</v>
      </c>
      <c r="R16" s="14" t="s">
        <v>87</v>
      </c>
      <c r="S16" s="15" t="s">
        <v>87</v>
      </c>
      <c r="T16" s="31" t="s">
        <v>87</v>
      </c>
    </row>
    <row r="17" spans="2:20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30" t="s">
        <v>87</v>
      </c>
      <c r="P17" s="14" t="s">
        <v>87</v>
      </c>
      <c r="Q17" s="22" t="s">
        <v>87</v>
      </c>
      <c r="R17" s="14" t="s">
        <v>87</v>
      </c>
      <c r="S17" s="15" t="s">
        <v>87</v>
      </c>
      <c r="T17" s="31" t="s">
        <v>87</v>
      </c>
    </row>
    <row r="18" spans="2:20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33" t="s">
        <v>87</v>
      </c>
      <c r="P18" s="19" t="s">
        <v>87</v>
      </c>
      <c r="Q18" s="23" t="s">
        <v>87</v>
      </c>
      <c r="R18" s="19" t="s">
        <v>87</v>
      </c>
      <c r="S18" s="20" t="s">
        <v>87</v>
      </c>
      <c r="T18" s="34" t="s">
        <v>87</v>
      </c>
    </row>
  </sheetData>
  <mergeCells count="8">
    <mergeCell ref="Q2:R2"/>
    <mergeCell ref="S2:T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/>
  </sheetPr>
  <dimension ref="B1:T18"/>
  <sheetViews>
    <sheetView zoomScale="130" zoomScaleNormal="130" workbookViewId="0">
      <selection activeCell="L12" sqref="L12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bestFit="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8.88671875" customWidth="1"/>
    <col min="16" max="16" width="4.6640625" customWidth="1"/>
    <col min="17" max="17" width="11.33203125" customWidth="1"/>
    <col min="18" max="18" width="4.6640625" customWidth="1"/>
    <col min="19" max="19" width="7.5546875" bestFit="1" customWidth="1"/>
    <col min="20" max="20" width="3.88671875" style="1" bestFit="1" customWidth="1"/>
    <col min="21" max="21" width="5.5546875" customWidth="1"/>
  </cols>
  <sheetData>
    <row r="1" spans="2:20" ht="2.4" customHeight="1" thickBot="1" x14ac:dyDescent="0.35"/>
    <row r="2" spans="2:20" ht="24" thickBot="1" x14ac:dyDescent="0.5">
      <c r="B2" s="41" t="s">
        <v>21</v>
      </c>
      <c r="C2" s="42"/>
      <c r="D2" s="42"/>
      <c r="E2" s="42"/>
      <c r="F2" s="38"/>
      <c r="G2" s="39" t="s">
        <v>5</v>
      </c>
      <c r="H2" s="40"/>
      <c r="I2" s="39" t="s">
        <v>1</v>
      </c>
      <c r="J2" s="40"/>
      <c r="K2" s="39" t="s">
        <v>3</v>
      </c>
      <c r="L2" s="40"/>
      <c r="M2" s="39" t="s">
        <v>0</v>
      </c>
      <c r="N2" s="40"/>
      <c r="O2" s="39" t="s">
        <v>4</v>
      </c>
      <c r="P2" s="40"/>
      <c r="Q2" s="39" t="s">
        <v>8</v>
      </c>
      <c r="R2" s="40"/>
      <c r="S2" s="48" t="s">
        <v>13</v>
      </c>
      <c r="T2" s="49"/>
    </row>
    <row r="3" spans="2:20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6" t="s">
        <v>9</v>
      </c>
      <c r="Q3" s="35" t="s">
        <v>14</v>
      </c>
      <c r="R3" s="37" t="s">
        <v>9</v>
      </c>
      <c r="S3" s="50"/>
      <c r="T3" s="51"/>
    </row>
    <row r="4" spans="2:20" s="2" customFormat="1" ht="18" customHeight="1" x14ac:dyDescent="0.3">
      <c r="B4" s="7">
        <v>1</v>
      </c>
      <c r="C4" s="21">
        <v>504</v>
      </c>
      <c r="D4" s="24" t="s">
        <v>59</v>
      </c>
      <c r="E4" s="8" t="s">
        <v>60</v>
      </c>
      <c r="F4" s="45">
        <v>798590</v>
      </c>
      <c r="G4" s="26" t="s">
        <v>180</v>
      </c>
      <c r="H4" s="9">
        <v>574</v>
      </c>
      <c r="I4" s="27" t="s">
        <v>181</v>
      </c>
      <c r="J4" s="9">
        <v>452</v>
      </c>
      <c r="K4" s="27" t="s">
        <v>182</v>
      </c>
      <c r="L4" s="9">
        <v>353</v>
      </c>
      <c r="M4" s="27" t="s">
        <v>108</v>
      </c>
      <c r="N4" s="9">
        <v>462</v>
      </c>
      <c r="O4" s="27" t="s">
        <v>183</v>
      </c>
      <c r="P4" s="9">
        <v>297</v>
      </c>
      <c r="Q4" s="21" t="s">
        <v>184</v>
      </c>
      <c r="R4" s="9">
        <v>387</v>
      </c>
      <c r="S4" s="10">
        <v>2525</v>
      </c>
      <c r="T4" s="28" t="s">
        <v>9</v>
      </c>
    </row>
    <row r="5" spans="2:20" s="3" customFormat="1" ht="18" customHeight="1" x14ac:dyDescent="0.3">
      <c r="B5" s="11">
        <v>2</v>
      </c>
      <c r="C5" s="22">
        <v>505</v>
      </c>
      <c r="D5" s="25" t="s">
        <v>61</v>
      </c>
      <c r="E5" s="13" t="s">
        <v>62</v>
      </c>
      <c r="F5" s="46">
        <v>844560</v>
      </c>
      <c r="G5" s="29" t="s">
        <v>185</v>
      </c>
      <c r="H5" s="14">
        <v>532</v>
      </c>
      <c r="I5" s="30" t="s">
        <v>186</v>
      </c>
      <c r="J5" s="14">
        <v>432</v>
      </c>
      <c r="K5" s="30" t="s">
        <v>187</v>
      </c>
      <c r="L5" s="14">
        <v>278</v>
      </c>
      <c r="M5" s="30" t="s">
        <v>177</v>
      </c>
      <c r="N5" s="14">
        <v>426</v>
      </c>
      <c r="O5" s="30" t="s">
        <v>188</v>
      </c>
      <c r="P5" s="14">
        <v>211</v>
      </c>
      <c r="Q5" s="22" t="s">
        <v>189</v>
      </c>
      <c r="R5" s="14">
        <v>368</v>
      </c>
      <c r="S5" s="15">
        <v>2247</v>
      </c>
      <c r="T5" s="31" t="s">
        <v>9</v>
      </c>
    </row>
    <row r="6" spans="2:20" s="3" customFormat="1" ht="18" customHeight="1" x14ac:dyDescent="0.3">
      <c r="B6" s="11">
        <v>3</v>
      </c>
      <c r="C6" s="22">
        <v>507</v>
      </c>
      <c r="D6" s="25" t="s">
        <v>65</v>
      </c>
      <c r="E6" s="13" t="s">
        <v>66</v>
      </c>
      <c r="F6" s="46">
        <v>764855</v>
      </c>
      <c r="G6" s="29" t="s">
        <v>190</v>
      </c>
      <c r="H6" s="14">
        <v>413</v>
      </c>
      <c r="I6" s="30" t="s">
        <v>191</v>
      </c>
      <c r="J6" s="14">
        <v>368</v>
      </c>
      <c r="K6" s="30" t="s">
        <v>192</v>
      </c>
      <c r="L6" s="14">
        <v>285</v>
      </c>
      <c r="M6" s="30" t="s">
        <v>144</v>
      </c>
      <c r="N6" s="14">
        <v>389</v>
      </c>
      <c r="O6" s="30" t="s">
        <v>193</v>
      </c>
      <c r="P6" s="14">
        <v>306</v>
      </c>
      <c r="Q6" s="22" t="s">
        <v>121</v>
      </c>
      <c r="R6" s="14">
        <v>0</v>
      </c>
      <c r="S6" s="15">
        <v>1761</v>
      </c>
      <c r="T6" s="31" t="s">
        <v>9</v>
      </c>
    </row>
    <row r="7" spans="2:20" s="3" customFormat="1" ht="18" customHeight="1" x14ac:dyDescent="0.3">
      <c r="B7" s="11">
        <v>4</v>
      </c>
      <c r="C7" s="22">
        <v>506</v>
      </c>
      <c r="D7" s="25" t="s">
        <v>63</v>
      </c>
      <c r="E7" s="13" t="s">
        <v>64</v>
      </c>
      <c r="F7" s="46">
        <v>894547</v>
      </c>
      <c r="G7" s="29" t="s">
        <v>194</v>
      </c>
      <c r="H7" s="14">
        <v>327</v>
      </c>
      <c r="I7" s="30" t="s">
        <v>121</v>
      </c>
      <c r="J7" s="14">
        <v>0</v>
      </c>
      <c r="K7" s="30" t="s">
        <v>195</v>
      </c>
      <c r="L7" s="14">
        <v>171</v>
      </c>
      <c r="M7" s="30" t="s">
        <v>121</v>
      </c>
      <c r="N7" s="14">
        <v>0</v>
      </c>
      <c r="O7" s="30" t="s">
        <v>196</v>
      </c>
      <c r="P7" s="14">
        <v>95</v>
      </c>
      <c r="Q7" s="22" t="s">
        <v>121</v>
      </c>
      <c r="R7" s="14">
        <v>0</v>
      </c>
      <c r="S7" s="15">
        <v>593</v>
      </c>
      <c r="T7" s="31" t="s">
        <v>9</v>
      </c>
    </row>
    <row r="8" spans="2:20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30" t="s">
        <v>87</v>
      </c>
      <c r="P8" s="14" t="s">
        <v>87</v>
      </c>
      <c r="Q8" s="22" t="s">
        <v>87</v>
      </c>
      <c r="R8" s="14" t="s">
        <v>87</v>
      </c>
      <c r="S8" s="15" t="s">
        <v>87</v>
      </c>
      <c r="T8" s="31" t="s">
        <v>87</v>
      </c>
    </row>
    <row r="9" spans="2:20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30" t="s">
        <v>87</v>
      </c>
      <c r="P9" s="14" t="s">
        <v>87</v>
      </c>
      <c r="Q9" s="22" t="s">
        <v>87</v>
      </c>
      <c r="R9" s="14" t="s">
        <v>87</v>
      </c>
      <c r="S9" s="15" t="s">
        <v>87</v>
      </c>
      <c r="T9" s="31" t="s">
        <v>87</v>
      </c>
    </row>
    <row r="10" spans="2:20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30" t="s">
        <v>87</v>
      </c>
      <c r="P10" s="14" t="s">
        <v>87</v>
      </c>
      <c r="Q10" s="22" t="s">
        <v>87</v>
      </c>
      <c r="R10" s="14" t="s">
        <v>87</v>
      </c>
      <c r="S10" s="15" t="s">
        <v>87</v>
      </c>
      <c r="T10" s="31" t="s">
        <v>87</v>
      </c>
    </row>
    <row r="11" spans="2:20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30" t="s">
        <v>87</v>
      </c>
      <c r="P11" s="14" t="s">
        <v>87</v>
      </c>
      <c r="Q11" s="22" t="s">
        <v>87</v>
      </c>
      <c r="R11" s="14" t="s">
        <v>87</v>
      </c>
      <c r="S11" s="15" t="s">
        <v>87</v>
      </c>
      <c r="T11" s="31" t="s">
        <v>87</v>
      </c>
    </row>
    <row r="12" spans="2:20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30" t="s">
        <v>87</v>
      </c>
      <c r="P12" s="14" t="s">
        <v>87</v>
      </c>
      <c r="Q12" s="22" t="s">
        <v>87</v>
      </c>
      <c r="R12" s="14" t="s">
        <v>87</v>
      </c>
      <c r="S12" s="15" t="s">
        <v>87</v>
      </c>
      <c r="T12" s="31" t="s">
        <v>87</v>
      </c>
    </row>
    <row r="13" spans="2:20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30" t="s">
        <v>87</v>
      </c>
      <c r="P13" s="14" t="s">
        <v>87</v>
      </c>
      <c r="Q13" s="22" t="s">
        <v>87</v>
      </c>
      <c r="R13" s="14" t="s">
        <v>87</v>
      </c>
      <c r="S13" s="15" t="s">
        <v>87</v>
      </c>
      <c r="T13" s="31" t="s">
        <v>87</v>
      </c>
    </row>
    <row r="14" spans="2:20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30" t="s">
        <v>87</v>
      </c>
      <c r="P14" s="14" t="s">
        <v>87</v>
      </c>
      <c r="Q14" s="22" t="s">
        <v>87</v>
      </c>
      <c r="R14" s="14" t="s">
        <v>87</v>
      </c>
      <c r="S14" s="15" t="s">
        <v>87</v>
      </c>
      <c r="T14" s="31" t="s">
        <v>87</v>
      </c>
    </row>
    <row r="15" spans="2:20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30" t="s">
        <v>87</v>
      </c>
      <c r="P15" s="14" t="s">
        <v>87</v>
      </c>
      <c r="Q15" s="22" t="s">
        <v>87</v>
      </c>
      <c r="R15" s="14" t="s">
        <v>87</v>
      </c>
      <c r="S15" s="15" t="s">
        <v>87</v>
      </c>
      <c r="T15" s="31" t="s">
        <v>87</v>
      </c>
    </row>
    <row r="16" spans="2:20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30" t="s">
        <v>87</v>
      </c>
      <c r="P16" s="14" t="s">
        <v>87</v>
      </c>
      <c r="Q16" s="22" t="s">
        <v>87</v>
      </c>
      <c r="R16" s="14" t="s">
        <v>87</v>
      </c>
      <c r="S16" s="15" t="s">
        <v>87</v>
      </c>
      <c r="T16" s="31" t="s">
        <v>87</v>
      </c>
    </row>
    <row r="17" spans="2:20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30" t="s">
        <v>87</v>
      </c>
      <c r="P17" s="14" t="s">
        <v>87</v>
      </c>
      <c r="Q17" s="22" t="s">
        <v>87</v>
      </c>
      <c r="R17" s="14" t="s">
        <v>87</v>
      </c>
      <c r="S17" s="15" t="s">
        <v>87</v>
      </c>
      <c r="T17" s="31" t="s">
        <v>87</v>
      </c>
    </row>
    <row r="18" spans="2:20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33" t="s">
        <v>87</v>
      </c>
      <c r="P18" s="19" t="s">
        <v>87</v>
      </c>
      <c r="Q18" s="23" t="s">
        <v>87</v>
      </c>
      <c r="R18" s="19" t="s">
        <v>87</v>
      </c>
      <c r="S18" s="20" t="s">
        <v>87</v>
      </c>
      <c r="T18" s="34" t="s">
        <v>87</v>
      </c>
    </row>
  </sheetData>
  <mergeCells count="8">
    <mergeCell ref="Q2:R2"/>
    <mergeCell ref="S2:T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B1:T18"/>
  <sheetViews>
    <sheetView zoomScale="130" zoomScaleNormal="130" workbookViewId="0">
      <selection activeCell="F1" sqref="F1:F1048576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8.88671875" customWidth="1"/>
    <col min="16" max="16" width="4.6640625" customWidth="1"/>
    <col min="17" max="17" width="11.33203125" customWidth="1"/>
    <col min="18" max="18" width="4.6640625" customWidth="1"/>
    <col min="19" max="19" width="7.5546875" bestFit="1" customWidth="1"/>
    <col min="20" max="20" width="3.88671875" style="1" bestFit="1" customWidth="1"/>
    <col min="21" max="21" width="5.5546875" customWidth="1"/>
  </cols>
  <sheetData>
    <row r="1" spans="2:20" ht="2.4" customHeight="1" thickBot="1" x14ac:dyDescent="0.35"/>
    <row r="2" spans="2:20" ht="24" thickBot="1" x14ac:dyDescent="0.5">
      <c r="B2" s="41" t="s">
        <v>22</v>
      </c>
      <c r="C2" s="42"/>
      <c r="D2" s="42"/>
      <c r="E2" s="42"/>
      <c r="F2" s="38"/>
      <c r="G2" s="39" t="s">
        <v>7</v>
      </c>
      <c r="H2" s="40"/>
      <c r="I2" s="39" t="s">
        <v>1</v>
      </c>
      <c r="J2" s="40"/>
      <c r="K2" s="39" t="s">
        <v>3</v>
      </c>
      <c r="L2" s="40"/>
      <c r="M2" s="39" t="s">
        <v>0</v>
      </c>
      <c r="N2" s="40"/>
      <c r="O2" s="39" t="s">
        <v>4</v>
      </c>
      <c r="P2" s="40"/>
      <c r="Q2" s="39" t="s">
        <v>8</v>
      </c>
      <c r="R2" s="40"/>
      <c r="S2" s="48" t="s">
        <v>13</v>
      </c>
      <c r="T2" s="49"/>
    </row>
    <row r="3" spans="2:20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6" t="s">
        <v>9</v>
      </c>
      <c r="Q3" s="35" t="s">
        <v>14</v>
      </c>
      <c r="R3" s="37" t="s">
        <v>9</v>
      </c>
      <c r="S3" s="50"/>
      <c r="T3" s="51"/>
    </row>
    <row r="4" spans="2:20" s="2" customFormat="1" ht="18" customHeight="1" x14ac:dyDescent="0.3">
      <c r="B4" s="7">
        <v>1</v>
      </c>
      <c r="C4" s="21">
        <v>508</v>
      </c>
      <c r="D4" s="24" t="s">
        <v>67</v>
      </c>
      <c r="E4" s="8" t="s">
        <v>58</v>
      </c>
      <c r="F4" s="45">
        <v>793001</v>
      </c>
      <c r="G4" s="26" t="s">
        <v>197</v>
      </c>
      <c r="H4" s="9">
        <v>482</v>
      </c>
      <c r="I4" s="27" t="s">
        <v>198</v>
      </c>
      <c r="J4" s="9">
        <v>482</v>
      </c>
      <c r="K4" s="27" t="s">
        <v>199</v>
      </c>
      <c r="L4" s="9">
        <v>329</v>
      </c>
      <c r="M4" s="27" t="s">
        <v>200</v>
      </c>
      <c r="N4" s="9">
        <v>499</v>
      </c>
      <c r="O4" s="27" t="s">
        <v>201</v>
      </c>
      <c r="P4" s="9">
        <v>506</v>
      </c>
      <c r="Q4" s="21" t="s">
        <v>202</v>
      </c>
      <c r="R4" s="9">
        <v>438</v>
      </c>
      <c r="S4" s="10">
        <v>2736</v>
      </c>
      <c r="T4" s="28" t="s">
        <v>9</v>
      </c>
    </row>
    <row r="5" spans="2:20" s="3" customFormat="1" ht="18" customHeight="1" x14ac:dyDescent="0.3">
      <c r="B5" s="11">
        <v>2</v>
      </c>
      <c r="C5" s="22">
        <v>509</v>
      </c>
      <c r="D5" s="25" t="s">
        <v>55</v>
      </c>
      <c r="E5" s="13" t="s">
        <v>68</v>
      </c>
      <c r="F5" s="46">
        <v>822282</v>
      </c>
      <c r="G5" s="29" t="s">
        <v>203</v>
      </c>
      <c r="H5" s="14">
        <v>381</v>
      </c>
      <c r="I5" s="30" t="s">
        <v>204</v>
      </c>
      <c r="J5" s="14">
        <v>414</v>
      </c>
      <c r="K5" s="30" t="s">
        <v>205</v>
      </c>
      <c r="L5" s="14">
        <v>189</v>
      </c>
      <c r="M5" s="30" t="s">
        <v>144</v>
      </c>
      <c r="N5" s="14">
        <v>389</v>
      </c>
      <c r="O5" s="30" t="s">
        <v>206</v>
      </c>
      <c r="P5" s="14">
        <v>286</v>
      </c>
      <c r="Q5" s="22" t="s">
        <v>207</v>
      </c>
      <c r="R5" s="14">
        <v>590</v>
      </c>
      <c r="S5" s="15">
        <v>2249</v>
      </c>
      <c r="T5" s="31" t="s">
        <v>9</v>
      </c>
    </row>
    <row r="6" spans="2:20" s="3" customFormat="1" ht="18" customHeight="1" x14ac:dyDescent="0.3">
      <c r="B6" s="11">
        <v>3</v>
      </c>
      <c r="C6" s="22">
        <v>512</v>
      </c>
      <c r="D6" s="25" t="s">
        <v>72</v>
      </c>
      <c r="E6" s="13" t="s">
        <v>73</v>
      </c>
      <c r="F6" s="46">
        <v>805188</v>
      </c>
      <c r="G6" s="29" t="s">
        <v>208</v>
      </c>
      <c r="H6" s="14">
        <v>317</v>
      </c>
      <c r="I6" s="30" t="s">
        <v>209</v>
      </c>
      <c r="J6" s="14">
        <v>304</v>
      </c>
      <c r="K6" s="30" t="s">
        <v>210</v>
      </c>
      <c r="L6" s="14">
        <v>203</v>
      </c>
      <c r="M6" s="30" t="s">
        <v>150</v>
      </c>
      <c r="N6" s="14">
        <v>352</v>
      </c>
      <c r="O6" s="30" t="s">
        <v>211</v>
      </c>
      <c r="P6" s="14">
        <v>244</v>
      </c>
      <c r="Q6" s="22" t="s">
        <v>212</v>
      </c>
      <c r="R6" s="14">
        <v>356</v>
      </c>
      <c r="S6" s="15">
        <v>1776</v>
      </c>
      <c r="T6" s="31" t="s">
        <v>9</v>
      </c>
    </row>
    <row r="7" spans="2:20" s="3" customFormat="1" ht="18" customHeight="1" x14ac:dyDescent="0.3">
      <c r="B7" s="11">
        <v>4</v>
      </c>
      <c r="C7" s="22">
        <v>511</v>
      </c>
      <c r="D7" s="25" t="s">
        <v>71</v>
      </c>
      <c r="E7" s="13" t="s">
        <v>60</v>
      </c>
      <c r="F7" s="46">
        <v>798588</v>
      </c>
      <c r="G7" s="29" t="s">
        <v>121</v>
      </c>
      <c r="H7" s="14">
        <v>0</v>
      </c>
      <c r="I7" s="30" t="s">
        <v>121</v>
      </c>
      <c r="J7" s="14">
        <v>0</v>
      </c>
      <c r="K7" s="30" t="s">
        <v>213</v>
      </c>
      <c r="L7" s="14">
        <v>163</v>
      </c>
      <c r="M7" s="30" t="s">
        <v>121</v>
      </c>
      <c r="N7" s="14">
        <v>0</v>
      </c>
      <c r="O7" s="30" t="s">
        <v>214</v>
      </c>
      <c r="P7" s="14">
        <v>204</v>
      </c>
      <c r="Q7" s="22" t="s">
        <v>121</v>
      </c>
      <c r="R7" s="14">
        <v>0</v>
      </c>
      <c r="S7" s="15">
        <v>367</v>
      </c>
      <c r="T7" s="31" t="s">
        <v>9</v>
      </c>
    </row>
    <row r="8" spans="2:20" s="3" customFormat="1" ht="18" customHeight="1" x14ac:dyDescent="0.3">
      <c r="B8" s="11">
        <v>5</v>
      </c>
      <c r="C8" s="22">
        <v>510</v>
      </c>
      <c r="D8" s="25" t="s">
        <v>69</v>
      </c>
      <c r="E8" s="13" t="s">
        <v>70</v>
      </c>
      <c r="F8" s="46">
        <v>844564</v>
      </c>
      <c r="G8" s="29" t="s">
        <v>121</v>
      </c>
      <c r="H8" s="14">
        <v>0</v>
      </c>
      <c r="I8" s="30" t="s">
        <v>121</v>
      </c>
      <c r="J8" s="14">
        <v>0</v>
      </c>
      <c r="K8" s="30" t="s">
        <v>215</v>
      </c>
      <c r="L8" s="14">
        <v>197</v>
      </c>
      <c r="M8" s="30" t="s">
        <v>121</v>
      </c>
      <c r="N8" s="14">
        <v>0</v>
      </c>
      <c r="O8" s="30" t="s">
        <v>121</v>
      </c>
      <c r="P8" s="14">
        <v>0</v>
      </c>
      <c r="Q8" s="22" t="s">
        <v>121</v>
      </c>
      <c r="R8" s="14">
        <v>0</v>
      </c>
      <c r="S8" s="15">
        <v>197</v>
      </c>
      <c r="T8" s="31" t="s">
        <v>9</v>
      </c>
    </row>
    <row r="9" spans="2:20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30" t="s">
        <v>87</v>
      </c>
      <c r="P9" s="14" t="s">
        <v>87</v>
      </c>
      <c r="Q9" s="22" t="s">
        <v>87</v>
      </c>
      <c r="R9" s="14" t="s">
        <v>87</v>
      </c>
      <c r="S9" s="15" t="s">
        <v>87</v>
      </c>
      <c r="T9" s="31" t="s">
        <v>87</v>
      </c>
    </row>
    <row r="10" spans="2:20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30" t="s">
        <v>87</v>
      </c>
      <c r="P10" s="14" t="s">
        <v>87</v>
      </c>
      <c r="Q10" s="22" t="s">
        <v>87</v>
      </c>
      <c r="R10" s="14" t="s">
        <v>87</v>
      </c>
      <c r="S10" s="15" t="s">
        <v>87</v>
      </c>
      <c r="T10" s="31" t="s">
        <v>87</v>
      </c>
    </row>
    <row r="11" spans="2:20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30" t="s">
        <v>87</v>
      </c>
      <c r="P11" s="14" t="s">
        <v>87</v>
      </c>
      <c r="Q11" s="22" t="s">
        <v>87</v>
      </c>
      <c r="R11" s="14" t="s">
        <v>87</v>
      </c>
      <c r="S11" s="15" t="s">
        <v>87</v>
      </c>
      <c r="T11" s="31" t="s">
        <v>87</v>
      </c>
    </row>
    <row r="12" spans="2:20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30" t="s">
        <v>87</v>
      </c>
      <c r="P12" s="14" t="s">
        <v>87</v>
      </c>
      <c r="Q12" s="22" t="s">
        <v>87</v>
      </c>
      <c r="R12" s="14" t="s">
        <v>87</v>
      </c>
      <c r="S12" s="15" t="s">
        <v>87</v>
      </c>
      <c r="T12" s="31" t="s">
        <v>87</v>
      </c>
    </row>
    <row r="13" spans="2:20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30" t="s">
        <v>87</v>
      </c>
      <c r="P13" s="14" t="s">
        <v>87</v>
      </c>
      <c r="Q13" s="22" t="s">
        <v>87</v>
      </c>
      <c r="R13" s="14" t="s">
        <v>87</v>
      </c>
      <c r="S13" s="15" t="s">
        <v>87</v>
      </c>
      <c r="T13" s="31" t="s">
        <v>87</v>
      </c>
    </row>
    <row r="14" spans="2:20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30" t="s">
        <v>87</v>
      </c>
      <c r="P14" s="14" t="s">
        <v>87</v>
      </c>
      <c r="Q14" s="22" t="s">
        <v>87</v>
      </c>
      <c r="R14" s="14" t="s">
        <v>87</v>
      </c>
      <c r="S14" s="15" t="s">
        <v>87</v>
      </c>
      <c r="T14" s="31" t="s">
        <v>87</v>
      </c>
    </row>
    <row r="15" spans="2:20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30" t="s">
        <v>87</v>
      </c>
      <c r="P15" s="14" t="s">
        <v>87</v>
      </c>
      <c r="Q15" s="22" t="s">
        <v>87</v>
      </c>
      <c r="R15" s="14" t="s">
        <v>87</v>
      </c>
      <c r="S15" s="15" t="s">
        <v>87</v>
      </c>
      <c r="T15" s="31" t="s">
        <v>87</v>
      </c>
    </row>
    <row r="16" spans="2:20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30" t="s">
        <v>87</v>
      </c>
      <c r="P16" s="14" t="s">
        <v>87</v>
      </c>
      <c r="Q16" s="22" t="s">
        <v>87</v>
      </c>
      <c r="R16" s="14" t="s">
        <v>87</v>
      </c>
      <c r="S16" s="15" t="s">
        <v>87</v>
      </c>
      <c r="T16" s="31" t="s">
        <v>87</v>
      </c>
    </row>
    <row r="17" spans="2:20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30" t="s">
        <v>87</v>
      </c>
      <c r="P17" s="14" t="s">
        <v>87</v>
      </c>
      <c r="Q17" s="22" t="s">
        <v>87</v>
      </c>
      <c r="R17" s="14" t="s">
        <v>87</v>
      </c>
      <c r="S17" s="15" t="s">
        <v>87</v>
      </c>
      <c r="T17" s="31" t="s">
        <v>87</v>
      </c>
    </row>
    <row r="18" spans="2:20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33" t="s">
        <v>87</v>
      </c>
      <c r="P18" s="19" t="s">
        <v>87</v>
      </c>
      <c r="Q18" s="23" t="s">
        <v>87</v>
      </c>
      <c r="R18" s="19" t="s">
        <v>87</v>
      </c>
      <c r="S18" s="20" t="s">
        <v>87</v>
      </c>
      <c r="T18" s="34" t="s">
        <v>87</v>
      </c>
    </row>
  </sheetData>
  <mergeCells count="8">
    <mergeCell ref="Q2:R2"/>
    <mergeCell ref="S2:T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B1:R18"/>
  <sheetViews>
    <sheetView zoomScale="130" zoomScaleNormal="130" workbookViewId="0">
      <selection activeCell="F6" sqref="F6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11.33203125" customWidth="1"/>
    <col min="16" max="16" width="4.6640625" customWidth="1"/>
    <col min="17" max="17" width="7.5546875" bestFit="1" customWidth="1"/>
    <col min="18" max="18" width="3.88671875" style="1" bestFit="1" customWidth="1"/>
    <col min="19" max="19" width="5.5546875" customWidth="1"/>
  </cols>
  <sheetData>
    <row r="1" spans="2:18" ht="2.4" customHeight="1" thickBot="1" x14ac:dyDescent="0.35"/>
    <row r="2" spans="2:18" ht="24" thickBot="1" x14ac:dyDescent="0.5">
      <c r="B2" s="41" t="s">
        <v>216</v>
      </c>
      <c r="C2" s="42"/>
      <c r="D2" s="42"/>
      <c r="E2" s="42"/>
      <c r="F2" s="38"/>
      <c r="G2" s="39" t="s">
        <v>5</v>
      </c>
      <c r="H2" s="40"/>
      <c r="I2" s="39" t="s">
        <v>1</v>
      </c>
      <c r="J2" s="40"/>
      <c r="K2" s="39" t="s">
        <v>2</v>
      </c>
      <c r="L2" s="40"/>
      <c r="M2" s="39" t="s">
        <v>0</v>
      </c>
      <c r="N2" s="40"/>
      <c r="O2" s="39" t="s">
        <v>8</v>
      </c>
      <c r="P2" s="40"/>
      <c r="Q2" s="48" t="s">
        <v>13</v>
      </c>
      <c r="R2" s="49"/>
    </row>
    <row r="3" spans="2:18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7" t="s">
        <v>9</v>
      </c>
      <c r="Q3" s="50"/>
      <c r="R3" s="51"/>
    </row>
    <row r="4" spans="2:18" s="2" customFormat="1" ht="18" customHeight="1" x14ac:dyDescent="0.3">
      <c r="B4" s="7">
        <v>1</v>
      </c>
      <c r="C4" s="21">
        <v>515</v>
      </c>
      <c r="D4" s="24" t="s">
        <v>217</v>
      </c>
      <c r="E4" s="8" t="s">
        <v>24</v>
      </c>
      <c r="F4" s="45">
        <v>868602</v>
      </c>
      <c r="G4" s="26" t="s">
        <v>218</v>
      </c>
      <c r="H4" s="9">
        <v>500</v>
      </c>
      <c r="I4" s="27" t="s">
        <v>219</v>
      </c>
      <c r="J4" s="9">
        <v>340</v>
      </c>
      <c r="K4" s="27" t="s">
        <v>220</v>
      </c>
      <c r="L4" s="9">
        <v>433</v>
      </c>
      <c r="M4" s="27" t="s">
        <v>161</v>
      </c>
      <c r="N4" s="9">
        <v>416</v>
      </c>
      <c r="O4" s="21" t="s">
        <v>221</v>
      </c>
      <c r="P4" s="9">
        <v>424</v>
      </c>
      <c r="Q4" s="10">
        <v>2113</v>
      </c>
      <c r="R4" s="28" t="s">
        <v>9</v>
      </c>
    </row>
    <row r="5" spans="2:18" s="3" customFormat="1" ht="18" customHeight="1" x14ac:dyDescent="0.3">
      <c r="B5" s="11">
        <v>2</v>
      </c>
      <c r="C5" s="22">
        <v>516</v>
      </c>
      <c r="D5" s="25" t="s">
        <v>222</v>
      </c>
      <c r="E5" s="13" t="s">
        <v>73</v>
      </c>
      <c r="F5" s="46">
        <v>855471</v>
      </c>
      <c r="G5" s="29" t="s">
        <v>223</v>
      </c>
      <c r="H5" s="14">
        <v>511</v>
      </c>
      <c r="I5" s="30" t="s">
        <v>224</v>
      </c>
      <c r="J5" s="14">
        <v>390</v>
      </c>
      <c r="K5" s="30" t="s">
        <v>225</v>
      </c>
      <c r="L5" s="14">
        <v>371</v>
      </c>
      <c r="M5" s="30" t="s">
        <v>144</v>
      </c>
      <c r="N5" s="14">
        <v>489</v>
      </c>
      <c r="O5" s="22" t="s">
        <v>226</v>
      </c>
      <c r="P5" s="14">
        <v>265</v>
      </c>
      <c r="Q5" s="15">
        <v>2026</v>
      </c>
      <c r="R5" s="31" t="s">
        <v>9</v>
      </c>
    </row>
    <row r="6" spans="2:18" s="3" customFormat="1" ht="18" customHeight="1" x14ac:dyDescent="0.3">
      <c r="B6" s="11">
        <v>3</v>
      </c>
      <c r="C6" s="22">
        <v>513</v>
      </c>
      <c r="D6" s="25" t="s">
        <v>227</v>
      </c>
      <c r="E6" s="13" t="s">
        <v>228</v>
      </c>
      <c r="F6" s="46">
        <v>855475</v>
      </c>
      <c r="G6" s="29" t="s">
        <v>229</v>
      </c>
      <c r="H6" s="14">
        <v>341</v>
      </c>
      <c r="I6" s="30" t="s">
        <v>230</v>
      </c>
      <c r="J6" s="14">
        <v>308</v>
      </c>
      <c r="K6" s="30" t="s">
        <v>231</v>
      </c>
      <c r="L6" s="14">
        <v>435</v>
      </c>
      <c r="M6" s="30" t="s">
        <v>161</v>
      </c>
      <c r="N6" s="14">
        <v>416</v>
      </c>
      <c r="O6" s="22" t="s">
        <v>232</v>
      </c>
      <c r="P6" s="14">
        <v>135</v>
      </c>
      <c r="Q6" s="15">
        <v>1635</v>
      </c>
      <c r="R6" s="31" t="s">
        <v>9</v>
      </c>
    </row>
    <row r="7" spans="2:18" s="3" customFormat="1" ht="18" customHeight="1" x14ac:dyDescent="0.3">
      <c r="B7" s="11">
        <v>4</v>
      </c>
      <c r="C7" s="22">
        <v>514</v>
      </c>
      <c r="D7" s="25" t="s">
        <v>233</v>
      </c>
      <c r="E7" s="13" t="s">
        <v>68</v>
      </c>
      <c r="F7" s="46">
        <v>891157</v>
      </c>
      <c r="G7" s="29" t="s">
        <v>234</v>
      </c>
      <c r="H7" s="14">
        <v>377</v>
      </c>
      <c r="I7" s="30" t="s">
        <v>235</v>
      </c>
      <c r="J7" s="14">
        <v>318</v>
      </c>
      <c r="K7" s="30" t="s">
        <v>236</v>
      </c>
      <c r="L7" s="14">
        <v>254</v>
      </c>
      <c r="M7" s="30" t="s">
        <v>237</v>
      </c>
      <c r="N7" s="14">
        <v>269</v>
      </c>
      <c r="O7" s="22" t="s">
        <v>238</v>
      </c>
      <c r="P7" s="14">
        <v>338</v>
      </c>
      <c r="Q7" s="15">
        <v>1556</v>
      </c>
      <c r="R7" s="31" t="s">
        <v>9</v>
      </c>
    </row>
    <row r="8" spans="2:18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22" t="s">
        <v>87</v>
      </c>
      <c r="P8" s="14" t="s">
        <v>87</v>
      </c>
      <c r="Q8" s="15" t="s">
        <v>87</v>
      </c>
      <c r="R8" s="31" t="s">
        <v>87</v>
      </c>
    </row>
    <row r="9" spans="2:18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22" t="s">
        <v>87</v>
      </c>
      <c r="P9" s="14" t="s">
        <v>87</v>
      </c>
      <c r="Q9" s="15" t="s">
        <v>87</v>
      </c>
      <c r="R9" s="31" t="s">
        <v>87</v>
      </c>
    </row>
    <row r="10" spans="2:18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22" t="s">
        <v>87</v>
      </c>
      <c r="P10" s="14" t="s">
        <v>87</v>
      </c>
      <c r="Q10" s="15" t="s">
        <v>87</v>
      </c>
      <c r="R10" s="31" t="s">
        <v>87</v>
      </c>
    </row>
    <row r="11" spans="2:18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22" t="s">
        <v>87</v>
      </c>
      <c r="P11" s="14" t="s">
        <v>87</v>
      </c>
      <c r="Q11" s="15" t="s">
        <v>87</v>
      </c>
      <c r="R11" s="31" t="s">
        <v>87</v>
      </c>
    </row>
    <row r="12" spans="2:18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22" t="s">
        <v>87</v>
      </c>
      <c r="P12" s="14" t="s">
        <v>87</v>
      </c>
      <c r="Q12" s="15" t="s">
        <v>87</v>
      </c>
      <c r="R12" s="31" t="s">
        <v>87</v>
      </c>
    </row>
    <row r="13" spans="2:18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22" t="s">
        <v>87</v>
      </c>
      <c r="P13" s="14" t="s">
        <v>87</v>
      </c>
      <c r="Q13" s="15" t="s">
        <v>87</v>
      </c>
      <c r="R13" s="31" t="s">
        <v>87</v>
      </c>
    </row>
    <row r="14" spans="2:18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22" t="s">
        <v>87</v>
      </c>
      <c r="P14" s="14" t="s">
        <v>87</v>
      </c>
      <c r="Q14" s="15" t="s">
        <v>87</v>
      </c>
      <c r="R14" s="31" t="s">
        <v>87</v>
      </c>
    </row>
    <row r="15" spans="2:18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22" t="s">
        <v>87</v>
      </c>
      <c r="P15" s="14" t="s">
        <v>87</v>
      </c>
      <c r="Q15" s="15" t="s">
        <v>87</v>
      </c>
      <c r="R15" s="31" t="s">
        <v>87</v>
      </c>
    </row>
    <row r="16" spans="2:18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22" t="s">
        <v>87</v>
      </c>
      <c r="P16" s="14" t="s">
        <v>87</v>
      </c>
      <c r="Q16" s="15" t="s">
        <v>87</v>
      </c>
      <c r="R16" s="31" t="s">
        <v>87</v>
      </c>
    </row>
    <row r="17" spans="2:18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22" t="s">
        <v>87</v>
      </c>
      <c r="P17" s="14" t="s">
        <v>87</v>
      </c>
      <c r="Q17" s="15" t="s">
        <v>87</v>
      </c>
      <c r="R17" s="31" t="s">
        <v>87</v>
      </c>
    </row>
    <row r="18" spans="2:18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23" t="s">
        <v>87</v>
      </c>
      <c r="P18" s="19" t="s">
        <v>87</v>
      </c>
      <c r="Q18" s="20" t="s">
        <v>87</v>
      </c>
      <c r="R18" s="34" t="s">
        <v>87</v>
      </c>
    </row>
  </sheetData>
  <mergeCells count="7">
    <mergeCell ref="Q2:R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/>
  </sheetPr>
  <dimension ref="B1:R18"/>
  <sheetViews>
    <sheetView zoomScale="130" zoomScaleNormal="130" workbookViewId="0">
      <selection activeCell="H10" sqref="H10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11.33203125" customWidth="1"/>
    <col min="16" max="16" width="4.6640625" customWidth="1"/>
    <col min="17" max="17" width="7.5546875" bestFit="1" customWidth="1"/>
    <col min="18" max="18" width="3.88671875" style="1" bestFit="1" customWidth="1"/>
    <col min="19" max="19" width="5.5546875" customWidth="1"/>
  </cols>
  <sheetData>
    <row r="1" spans="2:18" ht="2.4" customHeight="1" thickBot="1" x14ac:dyDescent="0.35"/>
    <row r="2" spans="2:18" ht="24" thickBot="1" x14ac:dyDescent="0.5">
      <c r="B2" s="41" t="s">
        <v>239</v>
      </c>
      <c r="C2" s="42"/>
      <c r="D2" s="42"/>
      <c r="E2" s="42"/>
      <c r="F2" s="38"/>
      <c r="G2" s="39" t="s">
        <v>5</v>
      </c>
      <c r="H2" s="40"/>
      <c r="I2" s="39" t="s">
        <v>1</v>
      </c>
      <c r="J2" s="40"/>
      <c r="K2" s="39" t="s">
        <v>2</v>
      </c>
      <c r="L2" s="40"/>
      <c r="M2" s="39" t="s">
        <v>0</v>
      </c>
      <c r="N2" s="40"/>
      <c r="O2" s="39" t="s">
        <v>8</v>
      </c>
      <c r="P2" s="40"/>
      <c r="Q2" s="48" t="s">
        <v>13</v>
      </c>
      <c r="R2" s="49"/>
    </row>
    <row r="3" spans="2:18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7" t="s">
        <v>9</v>
      </c>
      <c r="Q3" s="50"/>
      <c r="R3" s="51"/>
    </row>
    <row r="4" spans="2:18" s="2" customFormat="1" ht="18" customHeight="1" x14ac:dyDescent="0.3">
      <c r="B4" s="7">
        <v>1</v>
      </c>
      <c r="C4" s="21">
        <v>520</v>
      </c>
      <c r="D4" s="24" t="s">
        <v>240</v>
      </c>
      <c r="E4" s="8" t="s">
        <v>241</v>
      </c>
      <c r="F4" s="46">
        <v>888913</v>
      </c>
      <c r="G4" s="26" t="s">
        <v>242</v>
      </c>
      <c r="H4" s="9">
        <v>612</v>
      </c>
      <c r="I4" s="27" t="s">
        <v>243</v>
      </c>
      <c r="J4" s="9">
        <v>504</v>
      </c>
      <c r="K4" s="27" t="s">
        <v>244</v>
      </c>
      <c r="L4" s="9">
        <v>475</v>
      </c>
      <c r="M4" s="27" t="s">
        <v>108</v>
      </c>
      <c r="N4" s="9">
        <v>562</v>
      </c>
      <c r="O4" s="21" t="s">
        <v>245</v>
      </c>
      <c r="P4" s="9">
        <v>273</v>
      </c>
      <c r="Q4" s="10">
        <v>2426</v>
      </c>
      <c r="R4" s="28" t="s">
        <v>9</v>
      </c>
    </row>
    <row r="5" spans="2:18" s="3" customFormat="1" ht="18" customHeight="1" x14ac:dyDescent="0.3">
      <c r="B5" s="11">
        <v>2</v>
      </c>
      <c r="C5" s="22">
        <v>519</v>
      </c>
      <c r="D5" s="25" t="s">
        <v>246</v>
      </c>
      <c r="E5" s="13" t="s">
        <v>247</v>
      </c>
      <c r="F5" s="46">
        <v>861222</v>
      </c>
      <c r="G5" s="29" t="s">
        <v>248</v>
      </c>
      <c r="H5" s="14">
        <v>501</v>
      </c>
      <c r="I5" s="30" t="s">
        <v>249</v>
      </c>
      <c r="J5" s="14">
        <v>450</v>
      </c>
      <c r="K5" s="30" t="s">
        <v>250</v>
      </c>
      <c r="L5" s="14">
        <v>525</v>
      </c>
      <c r="M5" s="30" t="s">
        <v>161</v>
      </c>
      <c r="N5" s="14">
        <v>416</v>
      </c>
      <c r="O5" s="22" t="s">
        <v>251</v>
      </c>
      <c r="P5" s="14">
        <v>449</v>
      </c>
      <c r="Q5" s="15">
        <v>2341</v>
      </c>
      <c r="R5" s="31" t="s">
        <v>9</v>
      </c>
    </row>
    <row r="6" spans="2:18" s="3" customFormat="1" ht="18" customHeight="1" x14ac:dyDescent="0.3">
      <c r="B6" s="11">
        <v>3</v>
      </c>
      <c r="C6" s="22">
        <v>523</v>
      </c>
      <c r="D6" s="25" t="s">
        <v>252</v>
      </c>
      <c r="E6" s="13" t="s">
        <v>253</v>
      </c>
      <c r="F6" s="46">
        <v>786024</v>
      </c>
      <c r="G6" s="29" t="s">
        <v>254</v>
      </c>
      <c r="H6" s="14">
        <v>597</v>
      </c>
      <c r="I6" s="30" t="s">
        <v>255</v>
      </c>
      <c r="J6" s="14">
        <v>436</v>
      </c>
      <c r="K6" s="30" t="s">
        <v>256</v>
      </c>
      <c r="L6" s="14">
        <v>327</v>
      </c>
      <c r="M6" s="30" t="s">
        <v>150</v>
      </c>
      <c r="N6" s="14">
        <v>452</v>
      </c>
      <c r="O6" s="22" t="s">
        <v>257</v>
      </c>
      <c r="P6" s="14">
        <v>390</v>
      </c>
      <c r="Q6" s="15">
        <v>2202</v>
      </c>
      <c r="R6" s="31" t="s">
        <v>9</v>
      </c>
    </row>
    <row r="7" spans="2:18" s="3" customFormat="1" ht="18" customHeight="1" x14ac:dyDescent="0.3">
      <c r="B7" s="11">
        <v>4</v>
      </c>
      <c r="C7" s="22">
        <v>517</v>
      </c>
      <c r="D7" s="25" t="s">
        <v>258</v>
      </c>
      <c r="E7" s="13" t="s">
        <v>259</v>
      </c>
      <c r="F7" s="46">
        <v>854015</v>
      </c>
      <c r="G7" s="29" t="s">
        <v>260</v>
      </c>
      <c r="H7" s="14">
        <v>363</v>
      </c>
      <c r="I7" s="30" t="s">
        <v>261</v>
      </c>
      <c r="J7" s="14">
        <v>306</v>
      </c>
      <c r="K7" s="30" t="s">
        <v>262</v>
      </c>
      <c r="L7" s="14">
        <v>285</v>
      </c>
      <c r="M7" s="30" t="s">
        <v>263</v>
      </c>
      <c r="N7" s="14">
        <v>379</v>
      </c>
      <c r="O7" s="22" t="s">
        <v>264</v>
      </c>
      <c r="P7" s="14">
        <v>365</v>
      </c>
      <c r="Q7" s="15">
        <v>1698</v>
      </c>
      <c r="R7" s="31" t="s">
        <v>9</v>
      </c>
    </row>
    <row r="8" spans="2:18" s="3" customFormat="1" ht="18" customHeight="1" x14ac:dyDescent="0.3">
      <c r="B8" s="11">
        <v>5</v>
      </c>
      <c r="C8" s="22">
        <v>518</v>
      </c>
      <c r="D8" s="25" t="s">
        <v>265</v>
      </c>
      <c r="E8" s="13" t="s">
        <v>266</v>
      </c>
      <c r="F8" s="46">
        <v>868612</v>
      </c>
      <c r="G8" s="29" t="s">
        <v>267</v>
      </c>
      <c r="H8" s="14">
        <v>354</v>
      </c>
      <c r="I8" s="30" t="s">
        <v>268</v>
      </c>
      <c r="J8" s="14">
        <v>322</v>
      </c>
      <c r="K8" s="30" t="s">
        <v>269</v>
      </c>
      <c r="L8" s="14">
        <v>334</v>
      </c>
      <c r="M8" s="30" t="s">
        <v>270</v>
      </c>
      <c r="N8" s="14">
        <v>232</v>
      </c>
      <c r="O8" s="22" t="s">
        <v>271</v>
      </c>
      <c r="P8" s="14">
        <v>207</v>
      </c>
      <c r="Q8" s="15">
        <v>1449</v>
      </c>
      <c r="R8" s="31" t="s">
        <v>9</v>
      </c>
    </row>
    <row r="9" spans="2:18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22" t="s">
        <v>87</v>
      </c>
      <c r="P9" s="14" t="s">
        <v>87</v>
      </c>
      <c r="Q9" s="15" t="s">
        <v>87</v>
      </c>
      <c r="R9" s="31" t="s">
        <v>87</v>
      </c>
    </row>
    <row r="10" spans="2:18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22" t="s">
        <v>87</v>
      </c>
      <c r="P10" s="14" t="s">
        <v>87</v>
      </c>
      <c r="Q10" s="15" t="s">
        <v>87</v>
      </c>
      <c r="R10" s="31" t="s">
        <v>87</v>
      </c>
    </row>
    <row r="11" spans="2:18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22" t="s">
        <v>87</v>
      </c>
      <c r="P11" s="14" t="s">
        <v>87</v>
      </c>
      <c r="Q11" s="15" t="s">
        <v>87</v>
      </c>
      <c r="R11" s="31" t="s">
        <v>87</v>
      </c>
    </row>
    <row r="12" spans="2:18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22" t="s">
        <v>87</v>
      </c>
      <c r="P12" s="14" t="s">
        <v>87</v>
      </c>
      <c r="Q12" s="15" t="s">
        <v>87</v>
      </c>
      <c r="R12" s="31" t="s">
        <v>87</v>
      </c>
    </row>
    <row r="13" spans="2:18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22" t="s">
        <v>87</v>
      </c>
      <c r="P13" s="14" t="s">
        <v>87</v>
      </c>
      <c r="Q13" s="15" t="s">
        <v>87</v>
      </c>
      <c r="R13" s="31" t="s">
        <v>87</v>
      </c>
    </row>
    <row r="14" spans="2:18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22" t="s">
        <v>87</v>
      </c>
      <c r="P14" s="14" t="s">
        <v>87</v>
      </c>
      <c r="Q14" s="15" t="s">
        <v>87</v>
      </c>
      <c r="R14" s="31" t="s">
        <v>87</v>
      </c>
    </row>
    <row r="15" spans="2:18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22" t="s">
        <v>87</v>
      </c>
      <c r="P15" s="14" t="s">
        <v>87</v>
      </c>
      <c r="Q15" s="15" t="s">
        <v>87</v>
      </c>
      <c r="R15" s="31" t="s">
        <v>87</v>
      </c>
    </row>
    <row r="16" spans="2:18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22" t="s">
        <v>87</v>
      </c>
      <c r="P16" s="14" t="s">
        <v>87</v>
      </c>
      <c r="Q16" s="15" t="s">
        <v>87</v>
      </c>
      <c r="R16" s="31" t="s">
        <v>87</v>
      </c>
    </row>
    <row r="17" spans="2:18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22" t="s">
        <v>87</v>
      </c>
      <c r="P17" s="14" t="s">
        <v>87</v>
      </c>
      <c r="Q17" s="15" t="s">
        <v>87</v>
      </c>
      <c r="R17" s="31" t="s">
        <v>87</v>
      </c>
    </row>
    <row r="18" spans="2:18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23" t="s">
        <v>87</v>
      </c>
      <c r="P18" s="19" t="s">
        <v>87</v>
      </c>
      <c r="Q18" s="20" t="s">
        <v>87</v>
      </c>
      <c r="R18" s="34" t="s">
        <v>87</v>
      </c>
    </row>
  </sheetData>
  <mergeCells count="7">
    <mergeCell ref="Q2:R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/>
  </sheetPr>
  <dimension ref="B1:R18"/>
  <sheetViews>
    <sheetView zoomScale="130" zoomScaleNormal="130" workbookViewId="0">
      <selection activeCell="I10" sqref="I10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11.33203125" customWidth="1"/>
    <col min="16" max="16" width="4.6640625" customWidth="1"/>
    <col min="17" max="17" width="7.5546875" bestFit="1" customWidth="1"/>
    <col min="18" max="18" width="3.88671875" style="1" bestFit="1" customWidth="1"/>
    <col min="19" max="19" width="5.5546875" customWidth="1"/>
  </cols>
  <sheetData>
    <row r="1" spans="2:18" ht="2.4" customHeight="1" thickBot="1" x14ac:dyDescent="0.35"/>
    <row r="2" spans="2:18" ht="24" thickBot="1" x14ac:dyDescent="0.5">
      <c r="B2" s="41" t="s">
        <v>272</v>
      </c>
      <c r="C2" s="42"/>
      <c r="D2" s="42"/>
      <c r="E2" s="42"/>
      <c r="F2" s="38"/>
      <c r="G2" s="39" t="s">
        <v>273</v>
      </c>
      <c r="H2" s="40"/>
      <c r="I2" s="39" t="s">
        <v>1</v>
      </c>
      <c r="J2" s="40"/>
      <c r="K2" s="39" t="s">
        <v>274</v>
      </c>
      <c r="L2" s="40"/>
      <c r="M2" s="39" t="s">
        <v>0</v>
      </c>
      <c r="N2" s="40"/>
      <c r="O2" s="39" t="s">
        <v>8</v>
      </c>
      <c r="P2" s="40"/>
      <c r="Q2" s="48" t="s">
        <v>13</v>
      </c>
      <c r="R2" s="49"/>
    </row>
    <row r="3" spans="2:18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7" t="s">
        <v>9</v>
      </c>
      <c r="Q3" s="50"/>
      <c r="R3" s="51"/>
    </row>
    <row r="4" spans="2:18" s="2" customFormat="1" ht="18" customHeight="1" x14ac:dyDescent="0.3">
      <c r="B4" s="7">
        <v>1</v>
      </c>
      <c r="C4" s="21">
        <v>525</v>
      </c>
      <c r="D4" s="24" t="s">
        <v>29</v>
      </c>
      <c r="E4" s="8" t="s">
        <v>275</v>
      </c>
      <c r="F4" s="45">
        <v>649007</v>
      </c>
      <c r="G4" s="26" t="s">
        <v>276</v>
      </c>
      <c r="H4" s="9">
        <v>358</v>
      </c>
      <c r="I4" s="27" t="s">
        <v>277</v>
      </c>
      <c r="J4" s="9">
        <v>234</v>
      </c>
      <c r="K4" s="27" t="s">
        <v>278</v>
      </c>
      <c r="L4" s="9">
        <v>149</v>
      </c>
      <c r="M4" s="27" t="s">
        <v>270</v>
      </c>
      <c r="N4" s="9">
        <v>232</v>
      </c>
      <c r="O4" s="21" t="s">
        <v>279</v>
      </c>
      <c r="P4" s="9">
        <v>189</v>
      </c>
      <c r="Q4" s="10">
        <v>1162</v>
      </c>
      <c r="R4" s="28" t="s">
        <v>9</v>
      </c>
    </row>
    <row r="5" spans="2:18" s="3" customFormat="1" ht="18" customHeight="1" x14ac:dyDescent="0.3">
      <c r="B5" s="11">
        <v>2</v>
      </c>
      <c r="C5" s="22">
        <v>524</v>
      </c>
      <c r="D5" s="25" t="s">
        <v>280</v>
      </c>
      <c r="E5" s="13" t="s">
        <v>281</v>
      </c>
      <c r="F5" s="46">
        <v>899499</v>
      </c>
      <c r="G5" s="29" t="s">
        <v>282</v>
      </c>
      <c r="H5" s="14">
        <v>339</v>
      </c>
      <c r="I5" s="30" t="s">
        <v>283</v>
      </c>
      <c r="J5" s="14">
        <v>262</v>
      </c>
      <c r="K5" s="30" t="s">
        <v>284</v>
      </c>
      <c r="L5" s="14">
        <v>168</v>
      </c>
      <c r="M5" s="30" t="s">
        <v>285</v>
      </c>
      <c r="N5" s="14">
        <v>159</v>
      </c>
      <c r="O5" s="22" t="s">
        <v>286</v>
      </c>
      <c r="P5" s="14">
        <v>136</v>
      </c>
      <c r="Q5" s="15">
        <v>1064</v>
      </c>
      <c r="R5" s="31" t="s">
        <v>9</v>
      </c>
    </row>
    <row r="6" spans="2:18" s="3" customFormat="1" ht="18" customHeight="1" x14ac:dyDescent="0.3">
      <c r="B6" s="11" t="s">
        <v>87</v>
      </c>
      <c r="C6" s="22" t="s">
        <v>87</v>
      </c>
      <c r="D6" s="25" t="s">
        <v>87</v>
      </c>
      <c r="E6" s="13" t="s">
        <v>87</v>
      </c>
      <c r="F6" s="46"/>
      <c r="G6" s="29" t="s">
        <v>87</v>
      </c>
      <c r="H6" s="14" t="s">
        <v>87</v>
      </c>
      <c r="I6" s="30" t="s">
        <v>87</v>
      </c>
      <c r="J6" s="14" t="s">
        <v>87</v>
      </c>
      <c r="K6" s="30" t="s">
        <v>87</v>
      </c>
      <c r="L6" s="14" t="s">
        <v>87</v>
      </c>
      <c r="M6" s="30" t="s">
        <v>87</v>
      </c>
      <c r="N6" s="14" t="s">
        <v>87</v>
      </c>
      <c r="O6" s="22" t="s">
        <v>87</v>
      </c>
      <c r="P6" s="14" t="s">
        <v>87</v>
      </c>
      <c r="Q6" s="15" t="s">
        <v>87</v>
      </c>
      <c r="R6" s="31" t="s">
        <v>87</v>
      </c>
    </row>
    <row r="7" spans="2:18" s="3" customFormat="1" ht="18" customHeight="1" x14ac:dyDescent="0.3">
      <c r="B7" s="11" t="s">
        <v>87</v>
      </c>
      <c r="C7" s="22" t="s">
        <v>87</v>
      </c>
      <c r="D7" s="25" t="s">
        <v>87</v>
      </c>
      <c r="E7" s="13" t="s">
        <v>87</v>
      </c>
      <c r="F7" s="46"/>
      <c r="G7" s="29" t="s">
        <v>87</v>
      </c>
      <c r="H7" s="14" t="s">
        <v>87</v>
      </c>
      <c r="I7" s="30" t="s">
        <v>87</v>
      </c>
      <c r="J7" s="14" t="s">
        <v>87</v>
      </c>
      <c r="K7" s="30" t="s">
        <v>87</v>
      </c>
      <c r="L7" s="14" t="s">
        <v>87</v>
      </c>
      <c r="M7" s="30" t="s">
        <v>87</v>
      </c>
      <c r="N7" s="14" t="s">
        <v>87</v>
      </c>
      <c r="O7" s="22" t="s">
        <v>87</v>
      </c>
      <c r="P7" s="14" t="s">
        <v>87</v>
      </c>
      <c r="Q7" s="15" t="s">
        <v>87</v>
      </c>
      <c r="R7" s="31" t="s">
        <v>87</v>
      </c>
    </row>
    <row r="8" spans="2:18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22" t="s">
        <v>87</v>
      </c>
      <c r="P8" s="14" t="s">
        <v>87</v>
      </c>
      <c r="Q8" s="15" t="s">
        <v>87</v>
      </c>
      <c r="R8" s="31" t="s">
        <v>87</v>
      </c>
    </row>
    <row r="9" spans="2:18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22" t="s">
        <v>87</v>
      </c>
      <c r="P9" s="14" t="s">
        <v>87</v>
      </c>
      <c r="Q9" s="15" t="s">
        <v>87</v>
      </c>
      <c r="R9" s="31" t="s">
        <v>87</v>
      </c>
    </row>
    <row r="10" spans="2:18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22" t="s">
        <v>87</v>
      </c>
      <c r="P10" s="14" t="s">
        <v>87</v>
      </c>
      <c r="Q10" s="15" t="s">
        <v>87</v>
      </c>
      <c r="R10" s="31" t="s">
        <v>87</v>
      </c>
    </row>
    <row r="11" spans="2:18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22" t="s">
        <v>87</v>
      </c>
      <c r="P11" s="14" t="s">
        <v>87</v>
      </c>
      <c r="Q11" s="15" t="s">
        <v>87</v>
      </c>
      <c r="R11" s="31" t="s">
        <v>87</v>
      </c>
    </row>
    <row r="12" spans="2:18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22" t="s">
        <v>87</v>
      </c>
      <c r="P12" s="14" t="s">
        <v>87</v>
      </c>
      <c r="Q12" s="15" t="s">
        <v>87</v>
      </c>
      <c r="R12" s="31" t="s">
        <v>87</v>
      </c>
    </row>
    <row r="13" spans="2:18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22" t="s">
        <v>87</v>
      </c>
      <c r="P13" s="14" t="s">
        <v>87</v>
      </c>
      <c r="Q13" s="15" t="s">
        <v>87</v>
      </c>
      <c r="R13" s="31" t="s">
        <v>87</v>
      </c>
    </row>
    <row r="14" spans="2:18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22" t="s">
        <v>87</v>
      </c>
      <c r="P14" s="14" t="s">
        <v>87</v>
      </c>
      <c r="Q14" s="15" t="s">
        <v>87</v>
      </c>
      <c r="R14" s="31" t="s">
        <v>87</v>
      </c>
    </row>
    <row r="15" spans="2:18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22" t="s">
        <v>87</v>
      </c>
      <c r="P15" s="14" t="s">
        <v>87</v>
      </c>
      <c r="Q15" s="15" t="s">
        <v>87</v>
      </c>
      <c r="R15" s="31" t="s">
        <v>87</v>
      </c>
    </row>
    <row r="16" spans="2:18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22" t="s">
        <v>87</v>
      </c>
      <c r="P16" s="14" t="s">
        <v>87</v>
      </c>
      <c r="Q16" s="15" t="s">
        <v>87</v>
      </c>
      <c r="R16" s="31" t="s">
        <v>87</v>
      </c>
    </row>
    <row r="17" spans="2:18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22" t="s">
        <v>87</v>
      </c>
      <c r="P17" s="14" t="s">
        <v>87</v>
      </c>
      <c r="Q17" s="15" t="s">
        <v>87</v>
      </c>
      <c r="R17" s="31" t="s">
        <v>87</v>
      </c>
    </row>
    <row r="18" spans="2:18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23" t="s">
        <v>87</v>
      </c>
      <c r="P18" s="19" t="s">
        <v>87</v>
      </c>
      <c r="Q18" s="20" t="s">
        <v>87</v>
      </c>
      <c r="R18" s="34" t="s">
        <v>87</v>
      </c>
    </row>
  </sheetData>
  <mergeCells count="7">
    <mergeCell ref="Q2:R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</sheetPr>
  <dimension ref="B1:R18"/>
  <sheetViews>
    <sheetView zoomScale="130" zoomScaleNormal="130" workbookViewId="0">
      <selection activeCell="I6" sqref="I6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11.33203125" customWidth="1"/>
    <col min="16" max="16" width="4.6640625" customWidth="1"/>
    <col min="17" max="17" width="7.5546875" bestFit="1" customWidth="1"/>
    <col min="18" max="18" width="3.88671875" style="1" bestFit="1" customWidth="1"/>
    <col min="19" max="19" width="5.5546875" customWidth="1"/>
  </cols>
  <sheetData>
    <row r="1" spans="2:18" ht="2.4" customHeight="1" thickBot="1" x14ac:dyDescent="0.35"/>
    <row r="2" spans="2:18" ht="24" thickBot="1" x14ac:dyDescent="0.5">
      <c r="B2" s="41" t="s">
        <v>287</v>
      </c>
      <c r="C2" s="42"/>
      <c r="D2" s="42"/>
      <c r="E2" s="42"/>
      <c r="F2" s="38"/>
      <c r="G2" s="39" t="s">
        <v>273</v>
      </c>
      <c r="H2" s="40"/>
      <c r="I2" s="39" t="s">
        <v>1</v>
      </c>
      <c r="J2" s="40"/>
      <c r="K2" s="39" t="s">
        <v>274</v>
      </c>
      <c r="L2" s="40"/>
      <c r="M2" s="39" t="s">
        <v>0</v>
      </c>
      <c r="N2" s="40"/>
      <c r="O2" s="39" t="s">
        <v>8</v>
      </c>
      <c r="P2" s="40"/>
      <c r="Q2" s="48" t="s">
        <v>13</v>
      </c>
      <c r="R2" s="49"/>
    </row>
    <row r="3" spans="2:18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7" t="s">
        <v>9</v>
      </c>
      <c r="Q3" s="50"/>
      <c r="R3" s="51"/>
    </row>
    <row r="4" spans="2:18" s="2" customFormat="1" ht="18" customHeight="1" x14ac:dyDescent="0.3">
      <c r="B4" s="7">
        <v>1</v>
      </c>
      <c r="C4" s="21">
        <v>528</v>
      </c>
      <c r="D4" s="24" t="s">
        <v>288</v>
      </c>
      <c r="E4" s="8" t="s">
        <v>289</v>
      </c>
      <c r="F4" s="45">
        <v>922191</v>
      </c>
      <c r="G4" s="26" t="s">
        <v>290</v>
      </c>
      <c r="H4" s="9">
        <v>375</v>
      </c>
      <c r="I4" s="27" t="s">
        <v>291</v>
      </c>
      <c r="J4" s="9">
        <v>232</v>
      </c>
      <c r="K4" s="27" t="s">
        <v>292</v>
      </c>
      <c r="L4" s="9">
        <v>268</v>
      </c>
      <c r="M4" s="27" t="s">
        <v>237</v>
      </c>
      <c r="N4" s="9">
        <v>269</v>
      </c>
      <c r="O4" s="21" t="s">
        <v>293</v>
      </c>
      <c r="P4" s="9">
        <v>282</v>
      </c>
      <c r="Q4" s="10">
        <v>1426</v>
      </c>
      <c r="R4" s="28" t="s">
        <v>9</v>
      </c>
    </row>
    <row r="5" spans="2:18" s="3" customFormat="1" ht="18" customHeight="1" x14ac:dyDescent="0.3">
      <c r="B5" s="11">
        <v>2</v>
      </c>
      <c r="C5" s="22">
        <v>526</v>
      </c>
      <c r="D5" s="25" t="s">
        <v>294</v>
      </c>
      <c r="E5" s="13" t="s">
        <v>295</v>
      </c>
      <c r="F5" s="46">
        <v>909976</v>
      </c>
      <c r="G5" s="29" t="s">
        <v>296</v>
      </c>
      <c r="H5" s="14">
        <v>446</v>
      </c>
      <c r="I5" s="30" t="s">
        <v>297</v>
      </c>
      <c r="J5" s="14">
        <v>248</v>
      </c>
      <c r="K5" s="30" t="s">
        <v>121</v>
      </c>
      <c r="L5" s="14">
        <v>0</v>
      </c>
      <c r="M5" s="30" t="s">
        <v>270</v>
      </c>
      <c r="N5" s="14">
        <v>232</v>
      </c>
      <c r="O5" s="22" t="s">
        <v>121</v>
      </c>
      <c r="P5" s="14">
        <v>0</v>
      </c>
      <c r="Q5" s="15">
        <v>926</v>
      </c>
      <c r="R5" s="31" t="s">
        <v>9</v>
      </c>
    </row>
    <row r="6" spans="2:18" s="3" customFormat="1" ht="18" customHeight="1" x14ac:dyDescent="0.3">
      <c r="B6" s="11">
        <v>3</v>
      </c>
      <c r="C6" s="22">
        <v>527</v>
      </c>
      <c r="D6" s="25" t="s">
        <v>298</v>
      </c>
      <c r="E6" s="13" t="s">
        <v>299</v>
      </c>
      <c r="F6" s="46">
        <v>649012</v>
      </c>
      <c r="G6" s="29" t="s">
        <v>300</v>
      </c>
      <c r="H6" s="14">
        <v>59</v>
      </c>
      <c r="I6" s="30" t="s">
        <v>301</v>
      </c>
      <c r="J6" s="14">
        <v>34</v>
      </c>
      <c r="K6" s="30" t="s">
        <v>231</v>
      </c>
      <c r="L6" s="14">
        <v>74</v>
      </c>
      <c r="M6" s="30" t="s">
        <v>302</v>
      </c>
      <c r="N6" s="14">
        <v>122</v>
      </c>
      <c r="O6" s="22" t="s">
        <v>75</v>
      </c>
      <c r="P6" s="14">
        <v>0</v>
      </c>
      <c r="Q6" s="15">
        <v>289</v>
      </c>
      <c r="R6" s="31" t="s">
        <v>9</v>
      </c>
    </row>
    <row r="7" spans="2:18" s="3" customFormat="1" ht="18" customHeight="1" x14ac:dyDescent="0.3">
      <c r="B7" s="11" t="s">
        <v>87</v>
      </c>
      <c r="C7" s="22" t="s">
        <v>87</v>
      </c>
      <c r="D7" s="25" t="s">
        <v>87</v>
      </c>
      <c r="E7" s="13" t="s">
        <v>87</v>
      </c>
      <c r="F7" s="46"/>
      <c r="G7" s="29" t="s">
        <v>87</v>
      </c>
      <c r="H7" s="14" t="s">
        <v>87</v>
      </c>
      <c r="I7" s="30" t="s">
        <v>87</v>
      </c>
      <c r="J7" s="14" t="s">
        <v>87</v>
      </c>
      <c r="K7" s="30" t="s">
        <v>87</v>
      </c>
      <c r="L7" s="14" t="s">
        <v>87</v>
      </c>
      <c r="M7" s="30" t="s">
        <v>87</v>
      </c>
      <c r="N7" s="14" t="s">
        <v>87</v>
      </c>
      <c r="O7" s="22" t="s">
        <v>87</v>
      </c>
      <c r="P7" s="14" t="s">
        <v>87</v>
      </c>
      <c r="Q7" s="15" t="s">
        <v>87</v>
      </c>
      <c r="R7" s="31" t="s">
        <v>87</v>
      </c>
    </row>
    <row r="8" spans="2:18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22" t="s">
        <v>87</v>
      </c>
      <c r="P8" s="14" t="s">
        <v>87</v>
      </c>
      <c r="Q8" s="15" t="s">
        <v>87</v>
      </c>
      <c r="R8" s="31" t="s">
        <v>87</v>
      </c>
    </row>
    <row r="9" spans="2:18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22" t="s">
        <v>87</v>
      </c>
      <c r="P9" s="14" t="s">
        <v>87</v>
      </c>
      <c r="Q9" s="15" t="s">
        <v>87</v>
      </c>
      <c r="R9" s="31" t="s">
        <v>87</v>
      </c>
    </row>
    <row r="10" spans="2:18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22" t="s">
        <v>87</v>
      </c>
      <c r="P10" s="14" t="s">
        <v>87</v>
      </c>
      <c r="Q10" s="15" t="s">
        <v>87</v>
      </c>
      <c r="R10" s="31" t="s">
        <v>87</v>
      </c>
    </row>
    <row r="11" spans="2:18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22" t="s">
        <v>87</v>
      </c>
      <c r="P11" s="14" t="s">
        <v>87</v>
      </c>
      <c r="Q11" s="15" t="s">
        <v>87</v>
      </c>
      <c r="R11" s="31" t="s">
        <v>87</v>
      </c>
    </row>
    <row r="12" spans="2:18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22" t="s">
        <v>87</v>
      </c>
      <c r="P12" s="14" t="s">
        <v>87</v>
      </c>
      <c r="Q12" s="15" t="s">
        <v>87</v>
      </c>
      <c r="R12" s="31" t="s">
        <v>87</v>
      </c>
    </row>
    <row r="13" spans="2:18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22" t="s">
        <v>87</v>
      </c>
      <c r="P13" s="14" t="s">
        <v>87</v>
      </c>
      <c r="Q13" s="15" t="s">
        <v>87</v>
      </c>
      <c r="R13" s="31" t="s">
        <v>87</v>
      </c>
    </row>
    <row r="14" spans="2:18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22" t="s">
        <v>87</v>
      </c>
      <c r="P14" s="14" t="s">
        <v>87</v>
      </c>
      <c r="Q14" s="15" t="s">
        <v>87</v>
      </c>
      <c r="R14" s="31" t="s">
        <v>87</v>
      </c>
    </row>
    <row r="15" spans="2:18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22" t="s">
        <v>87</v>
      </c>
      <c r="P15" s="14" t="s">
        <v>87</v>
      </c>
      <c r="Q15" s="15" t="s">
        <v>87</v>
      </c>
      <c r="R15" s="31" t="s">
        <v>87</v>
      </c>
    </row>
    <row r="16" spans="2:18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22" t="s">
        <v>87</v>
      </c>
      <c r="P16" s="14" t="s">
        <v>87</v>
      </c>
      <c r="Q16" s="15" t="s">
        <v>87</v>
      </c>
      <c r="R16" s="31" t="s">
        <v>87</v>
      </c>
    </row>
    <row r="17" spans="2:18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22" t="s">
        <v>87</v>
      </c>
      <c r="P17" s="14" t="s">
        <v>87</v>
      </c>
      <c r="Q17" s="15" t="s">
        <v>87</v>
      </c>
      <c r="R17" s="31" t="s">
        <v>87</v>
      </c>
    </row>
    <row r="18" spans="2:18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23" t="s">
        <v>87</v>
      </c>
      <c r="P18" s="19" t="s">
        <v>87</v>
      </c>
      <c r="Q18" s="20" t="s">
        <v>87</v>
      </c>
      <c r="R18" s="34" t="s">
        <v>87</v>
      </c>
    </row>
  </sheetData>
  <mergeCells count="7">
    <mergeCell ref="Q2:R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R18"/>
  <sheetViews>
    <sheetView zoomScale="130" zoomScaleNormal="130" workbookViewId="0">
      <selection activeCell="O12" sqref="O12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11.33203125" customWidth="1"/>
    <col min="16" max="16" width="4.6640625" customWidth="1"/>
    <col min="17" max="17" width="7.5546875" bestFit="1" customWidth="1"/>
    <col min="18" max="18" width="3.88671875" style="1" bestFit="1" customWidth="1"/>
    <col min="19" max="19" width="5.5546875" customWidth="1"/>
  </cols>
  <sheetData>
    <row r="1" spans="2:18" ht="2.4" customHeight="1" thickBot="1" x14ac:dyDescent="0.35"/>
    <row r="2" spans="2:18" ht="24" thickBot="1" x14ac:dyDescent="0.5">
      <c r="B2" s="41" t="s">
        <v>303</v>
      </c>
      <c r="C2" s="42"/>
      <c r="D2" s="42"/>
      <c r="E2" s="42"/>
      <c r="F2" s="38"/>
      <c r="G2" s="39" t="s">
        <v>273</v>
      </c>
      <c r="H2" s="40"/>
      <c r="I2" s="39" t="s">
        <v>1</v>
      </c>
      <c r="J2" s="40"/>
      <c r="K2" s="39" t="s">
        <v>274</v>
      </c>
      <c r="L2" s="40"/>
      <c r="M2" s="39" t="s">
        <v>0</v>
      </c>
      <c r="N2" s="40"/>
      <c r="O2" s="39" t="s">
        <v>8</v>
      </c>
      <c r="P2" s="40"/>
      <c r="Q2" s="48" t="s">
        <v>13</v>
      </c>
      <c r="R2" s="49"/>
    </row>
    <row r="3" spans="2:18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7" t="s">
        <v>9</v>
      </c>
      <c r="Q3" s="50"/>
      <c r="R3" s="51"/>
    </row>
    <row r="4" spans="2:18" s="2" customFormat="1" ht="18" customHeight="1" x14ac:dyDescent="0.3">
      <c r="B4" s="7">
        <v>1</v>
      </c>
      <c r="C4" s="21">
        <v>530</v>
      </c>
      <c r="D4" s="24" t="s">
        <v>370</v>
      </c>
      <c r="E4" s="8" t="s">
        <v>371</v>
      </c>
      <c r="F4" s="52" t="s">
        <v>304</v>
      </c>
      <c r="G4" s="26" t="s">
        <v>372</v>
      </c>
      <c r="H4" s="9">
        <v>354</v>
      </c>
      <c r="I4" s="27" t="s">
        <v>373</v>
      </c>
      <c r="J4" s="9">
        <v>152</v>
      </c>
      <c r="K4" s="27" t="s">
        <v>374</v>
      </c>
      <c r="L4" s="9">
        <v>115</v>
      </c>
      <c r="M4" s="27" t="s">
        <v>322</v>
      </c>
      <c r="N4" s="9">
        <v>86</v>
      </c>
      <c r="O4" s="21" t="s">
        <v>375</v>
      </c>
      <c r="P4" s="9">
        <v>165</v>
      </c>
      <c r="Q4" s="10">
        <v>872</v>
      </c>
      <c r="R4" s="28" t="s">
        <v>9</v>
      </c>
    </row>
    <row r="5" spans="2:18" s="3" customFormat="1" ht="18" customHeight="1" x14ac:dyDescent="0.3">
      <c r="B5" s="11">
        <v>2</v>
      </c>
      <c r="C5" s="22">
        <v>529</v>
      </c>
      <c r="D5" s="25" t="s">
        <v>376</v>
      </c>
      <c r="E5" s="13" t="s">
        <v>377</v>
      </c>
      <c r="F5" s="46">
        <v>875268</v>
      </c>
      <c r="G5" s="29" t="s">
        <v>378</v>
      </c>
      <c r="H5" s="14">
        <v>218</v>
      </c>
      <c r="I5" s="30" t="s">
        <v>379</v>
      </c>
      <c r="J5" s="14">
        <v>160</v>
      </c>
      <c r="K5" s="30" t="s">
        <v>380</v>
      </c>
      <c r="L5" s="14">
        <v>179</v>
      </c>
      <c r="M5" s="30" t="s">
        <v>329</v>
      </c>
      <c r="N5" s="14">
        <v>196</v>
      </c>
      <c r="O5" s="22" t="s">
        <v>381</v>
      </c>
      <c r="P5" s="14">
        <v>103</v>
      </c>
      <c r="Q5" s="15">
        <v>856</v>
      </c>
      <c r="R5" s="31" t="s">
        <v>9</v>
      </c>
    </row>
    <row r="6" spans="2:18" s="3" customFormat="1" ht="18" customHeight="1" x14ac:dyDescent="0.3">
      <c r="B6" s="11" t="s">
        <v>87</v>
      </c>
      <c r="C6" s="22" t="s">
        <v>87</v>
      </c>
      <c r="D6" s="25" t="s">
        <v>87</v>
      </c>
      <c r="E6" s="13" t="s">
        <v>87</v>
      </c>
      <c r="F6" s="46"/>
      <c r="G6" s="29" t="s">
        <v>87</v>
      </c>
      <c r="H6" s="14" t="s">
        <v>87</v>
      </c>
      <c r="I6" s="30" t="s">
        <v>87</v>
      </c>
      <c r="J6" s="14" t="s">
        <v>87</v>
      </c>
      <c r="K6" s="30" t="s">
        <v>87</v>
      </c>
      <c r="L6" s="14" t="s">
        <v>87</v>
      </c>
      <c r="M6" s="30" t="s">
        <v>87</v>
      </c>
      <c r="N6" s="14" t="s">
        <v>87</v>
      </c>
      <c r="O6" s="22" t="s">
        <v>87</v>
      </c>
      <c r="P6" s="14" t="s">
        <v>87</v>
      </c>
      <c r="Q6" s="15" t="s">
        <v>87</v>
      </c>
      <c r="R6" s="31" t="s">
        <v>87</v>
      </c>
    </row>
    <row r="7" spans="2:18" s="3" customFormat="1" ht="18" customHeight="1" x14ac:dyDescent="0.3">
      <c r="B7" s="11" t="s">
        <v>87</v>
      </c>
      <c r="C7" s="22" t="s">
        <v>87</v>
      </c>
      <c r="D7" s="25" t="s">
        <v>87</v>
      </c>
      <c r="E7" s="13" t="s">
        <v>87</v>
      </c>
      <c r="F7" s="46"/>
      <c r="G7" s="29" t="s">
        <v>87</v>
      </c>
      <c r="H7" s="14" t="s">
        <v>87</v>
      </c>
      <c r="I7" s="30" t="s">
        <v>87</v>
      </c>
      <c r="J7" s="14" t="s">
        <v>87</v>
      </c>
      <c r="K7" s="30" t="s">
        <v>87</v>
      </c>
      <c r="L7" s="14" t="s">
        <v>87</v>
      </c>
      <c r="M7" s="30" t="s">
        <v>87</v>
      </c>
      <c r="N7" s="14" t="s">
        <v>87</v>
      </c>
      <c r="O7" s="22" t="s">
        <v>87</v>
      </c>
      <c r="P7" s="14" t="s">
        <v>87</v>
      </c>
      <c r="Q7" s="15" t="s">
        <v>87</v>
      </c>
      <c r="R7" s="31" t="s">
        <v>87</v>
      </c>
    </row>
    <row r="8" spans="2:18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22" t="s">
        <v>87</v>
      </c>
      <c r="P8" s="14" t="s">
        <v>87</v>
      </c>
      <c r="Q8" s="15" t="s">
        <v>87</v>
      </c>
      <c r="R8" s="31" t="s">
        <v>87</v>
      </c>
    </row>
    <row r="9" spans="2:18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22" t="s">
        <v>87</v>
      </c>
      <c r="P9" s="14" t="s">
        <v>87</v>
      </c>
      <c r="Q9" s="15" t="s">
        <v>87</v>
      </c>
      <c r="R9" s="31" t="s">
        <v>87</v>
      </c>
    </row>
    <row r="10" spans="2:18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22" t="s">
        <v>87</v>
      </c>
      <c r="P10" s="14" t="s">
        <v>87</v>
      </c>
      <c r="Q10" s="15" t="s">
        <v>87</v>
      </c>
      <c r="R10" s="31" t="s">
        <v>87</v>
      </c>
    </row>
    <row r="11" spans="2:18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22" t="s">
        <v>87</v>
      </c>
      <c r="P11" s="14" t="s">
        <v>87</v>
      </c>
      <c r="Q11" s="15" t="s">
        <v>87</v>
      </c>
      <c r="R11" s="31" t="s">
        <v>87</v>
      </c>
    </row>
    <row r="12" spans="2:18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22" t="s">
        <v>87</v>
      </c>
      <c r="P12" s="14" t="s">
        <v>87</v>
      </c>
      <c r="Q12" s="15" t="s">
        <v>87</v>
      </c>
      <c r="R12" s="31" t="s">
        <v>87</v>
      </c>
    </row>
    <row r="13" spans="2:18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22" t="s">
        <v>87</v>
      </c>
      <c r="P13" s="14" t="s">
        <v>87</v>
      </c>
      <c r="Q13" s="15" t="s">
        <v>87</v>
      </c>
      <c r="R13" s="31" t="s">
        <v>87</v>
      </c>
    </row>
    <row r="14" spans="2:18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22" t="s">
        <v>87</v>
      </c>
      <c r="P14" s="14" t="s">
        <v>87</v>
      </c>
      <c r="Q14" s="15" t="s">
        <v>87</v>
      </c>
      <c r="R14" s="31" t="s">
        <v>87</v>
      </c>
    </row>
    <row r="15" spans="2:18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22" t="s">
        <v>87</v>
      </c>
      <c r="P15" s="14" t="s">
        <v>87</v>
      </c>
      <c r="Q15" s="15" t="s">
        <v>87</v>
      </c>
      <c r="R15" s="31" t="s">
        <v>87</v>
      </c>
    </row>
    <row r="16" spans="2:18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22" t="s">
        <v>87</v>
      </c>
      <c r="P16" s="14" t="s">
        <v>87</v>
      </c>
      <c r="Q16" s="15" t="s">
        <v>87</v>
      </c>
      <c r="R16" s="31" t="s">
        <v>87</v>
      </c>
    </row>
    <row r="17" spans="2:18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22" t="s">
        <v>87</v>
      </c>
      <c r="P17" s="14" t="s">
        <v>87</v>
      </c>
      <c r="Q17" s="15" t="s">
        <v>87</v>
      </c>
      <c r="R17" s="31" t="s">
        <v>87</v>
      </c>
    </row>
    <row r="18" spans="2:18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23" t="s">
        <v>87</v>
      </c>
      <c r="P18" s="19" t="s">
        <v>87</v>
      </c>
      <c r="Q18" s="20" t="s">
        <v>87</v>
      </c>
      <c r="R18" s="34" t="s">
        <v>87</v>
      </c>
    </row>
  </sheetData>
  <mergeCells count="7">
    <mergeCell ref="Q2:R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/>
  </sheetPr>
  <dimension ref="B1:R18"/>
  <sheetViews>
    <sheetView zoomScale="130" zoomScaleNormal="130" workbookViewId="0">
      <selection activeCell="K8" sqref="K8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11.33203125" customWidth="1"/>
    <col min="16" max="16" width="4.6640625" customWidth="1"/>
    <col min="17" max="17" width="7.5546875" bestFit="1" customWidth="1"/>
    <col min="18" max="18" width="3.88671875" style="1" bestFit="1" customWidth="1"/>
    <col min="19" max="19" width="5.5546875" customWidth="1"/>
  </cols>
  <sheetData>
    <row r="1" spans="2:18" ht="2.4" customHeight="1" thickBot="1" x14ac:dyDescent="0.35"/>
    <row r="2" spans="2:18" ht="24" thickBot="1" x14ac:dyDescent="0.5">
      <c r="B2" s="41" t="s">
        <v>305</v>
      </c>
      <c r="C2" s="42"/>
      <c r="D2" s="42"/>
      <c r="E2" s="42"/>
      <c r="F2" s="38"/>
      <c r="G2" s="39" t="s">
        <v>273</v>
      </c>
      <c r="H2" s="40"/>
      <c r="I2" s="39" t="s">
        <v>1</v>
      </c>
      <c r="J2" s="40"/>
      <c r="K2" s="39" t="s">
        <v>274</v>
      </c>
      <c r="L2" s="40"/>
      <c r="M2" s="39" t="s">
        <v>0</v>
      </c>
      <c r="N2" s="40"/>
      <c r="O2" s="39" t="s">
        <v>8</v>
      </c>
      <c r="P2" s="40"/>
      <c r="Q2" s="48" t="s">
        <v>13</v>
      </c>
      <c r="R2" s="49"/>
    </row>
    <row r="3" spans="2:18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7" t="s">
        <v>9</v>
      </c>
      <c r="Q3" s="50"/>
      <c r="R3" s="51"/>
    </row>
    <row r="4" spans="2:18" s="2" customFormat="1" ht="18" customHeight="1" x14ac:dyDescent="0.3">
      <c r="B4" s="7">
        <v>1</v>
      </c>
      <c r="C4" s="21">
        <v>532</v>
      </c>
      <c r="D4" s="24" t="s">
        <v>306</v>
      </c>
      <c r="E4" s="8" t="s">
        <v>307</v>
      </c>
      <c r="F4" s="45">
        <v>884868</v>
      </c>
      <c r="G4" s="26" t="s">
        <v>308</v>
      </c>
      <c r="H4" s="9">
        <v>405</v>
      </c>
      <c r="I4" s="27" t="s">
        <v>309</v>
      </c>
      <c r="J4" s="9">
        <v>280</v>
      </c>
      <c r="K4" s="27" t="s">
        <v>310</v>
      </c>
      <c r="L4" s="9">
        <v>419</v>
      </c>
      <c r="M4" s="27" t="s">
        <v>263</v>
      </c>
      <c r="N4" s="9">
        <v>379</v>
      </c>
      <c r="O4" s="21" t="s">
        <v>311</v>
      </c>
      <c r="P4" s="9">
        <v>289</v>
      </c>
      <c r="Q4" s="10">
        <v>1772</v>
      </c>
      <c r="R4" s="28" t="s">
        <v>9</v>
      </c>
    </row>
    <row r="5" spans="2:18" s="3" customFormat="1" ht="18" customHeight="1" x14ac:dyDescent="0.3">
      <c r="B5" s="11">
        <v>2</v>
      </c>
      <c r="C5" s="22">
        <v>531</v>
      </c>
      <c r="D5" s="25" t="s">
        <v>312</v>
      </c>
      <c r="E5" s="13" t="s">
        <v>259</v>
      </c>
      <c r="F5" s="46">
        <v>854016</v>
      </c>
      <c r="G5" s="29" t="s">
        <v>313</v>
      </c>
      <c r="H5" s="14">
        <v>317</v>
      </c>
      <c r="I5" s="30" t="s">
        <v>314</v>
      </c>
      <c r="J5" s="14">
        <v>244</v>
      </c>
      <c r="K5" s="30" t="s">
        <v>315</v>
      </c>
      <c r="L5" s="14">
        <v>250</v>
      </c>
      <c r="M5" s="30" t="s">
        <v>237</v>
      </c>
      <c r="N5" s="14">
        <v>269</v>
      </c>
      <c r="O5" s="22" t="s">
        <v>316</v>
      </c>
      <c r="P5" s="14">
        <v>285</v>
      </c>
      <c r="Q5" s="15">
        <v>1365</v>
      </c>
      <c r="R5" s="31" t="s">
        <v>9</v>
      </c>
    </row>
    <row r="6" spans="2:18" s="3" customFormat="1" ht="18" customHeight="1" x14ac:dyDescent="0.3">
      <c r="B6" s="11">
        <v>3</v>
      </c>
      <c r="C6" s="22">
        <v>534</v>
      </c>
      <c r="D6" s="25" t="s">
        <v>317</v>
      </c>
      <c r="E6" s="13" t="s">
        <v>318</v>
      </c>
      <c r="F6" s="46">
        <v>914702</v>
      </c>
      <c r="G6" s="29" t="s">
        <v>319</v>
      </c>
      <c r="H6" s="14">
        <v>351</v>
      </c>
      <c r="I6" s="30" t="s">
        <v>320</v>
      </c>
      <c r="J6" s="14">
        <v>230</v>
      </c>
      <c r="K6" s="30" t="s">
        <v>321</v>
      </c>
      <c r="L6" s="14">
        <v>170</v>
      </c>
      <c r="M6" s="30" t="s">
        <v>322</v>
      </c>
      <c r="N6" s="14">
        <v>86</v>
      </c>
      <c r="O6" s="22" t="s">
        <v>323</v>
      </c>
      <c r="P6" s="14">
        <v>271</v>
      </c>
      <c r="Q6" s="15">
        <v>1108</v>
      </c>
      <c r="R6" s="31" t="s">
        <v>9</v>
      </c>
    </row>
    <row r="7" spans="2:18" s="3" customFormat="1" ht="18" customHeight="1" x14ac:dyDescent="0.3">
      <c r="B7" s="11">
        <v>4</v>
      </c>
      <c r="C7" s="22">
        <v>533</v>
      </c>
      <c r="D7" s="25" t="s">
        <v>324</v>
      </c>
      <c r="E7" s="13" t="s">
        <v>325</v>
      </c>
      <c r="F7" s="46">
        <v>903169</v>
      </c>
      <c r="G7" s="29" t="s">
        <v>326</v>
      </c>
      <c r="H7" s="14">
        <v>286</v>
      </c>
      <c r="I7" s="30" t="s">
        <v>327</v>
      </c>
      <c r="J7" s="14">
        <v>226</v>
      </c>
      <c r="K7" s="30" t="s">
        <v>328</v>
      </c>
      <c r="L7" s="14">
        <v>115</v>
      </c>
      <c r="M7" s="30" t="s">
        <v>329</v>
      </c>
      <c r="N7" s="14">
        <v>196</v>
      </c>
      <c r="O7" s="22" t="s">
        <v>330</v>
      </c>
      <c r="P7" s="14">
        <v>281</v>
      </c>
      <c r="Q7" s="15">
        <v>1104</v>
      </c>
      <c r="R7" s="31" t="s">
        <v>9</v>
      </c>
    </row>
    <row r="8" spans="2:18" s="3" customFormat="1" ht="18" customHeight="1" x14ac:dyDescent="0.3">
      <c r="B8" s="11">
        <v>5</v>
      </c>
      <c r="C8" s="22">
        <v>536</v>
      </c>
      <c r="D8" s="25" t="s">
        <v>331</v>
      </c>
      <c r="E8" s="13" t="s">
        <v>332</v>
      </c>
      <c r="F8" s="53" t="s">
        <v>304</v>
      </c>
      <c r="G8" s="29" t="s">
        <v>333</v>
      </c>
      <c r="H8" s="14">
        <v>250</v>
      </c>
      <c r="I8" s="30" t="s">
        <v>334</v>
      </c>
      <c r="J8" s="14">
        <v>214</v>
      </c>
      <c r="K8" s="30" t="s">
        <v>335</v>
      </c>
      <c r="L8" s="14">
        <v>255</v>
      </c>
      <c r="M8" s="30" t="s">
        <v>270</v>
      </c>
      <c r="N8" s="14">
        <v>232</v>
      </c>
      <c r="O8" s="22" t="s">
        <v>336</v>
      </c>
      <c r="P8" s="14">
        <v>7</v>
      </c>
      <c r="Q8" s="15">
        <v>958</v>
      </c>
      <c r="R8" s="31" t="s">
        <v>9</v>
      </c>
    </row>
    <row r="9" spans="2:18" s="3" customFormat="1" ht="18" customHeight="1" x14ac:dyDescent="0.3">
      <c r="B9" s="11">
        <v>6</v>
      </c>
      <c r="C9" s="22">
        <v>535</v>
      </c>
      <c r="D9" s="25" t="s">
        <v>337</v>
      </c>
      <c r="E9" s="13" t="s">
        <v>338</v>
      </c>
      <c r="F9" s="46">
        <v>649004</v>
      </c>
      <c r="G9" s="29" t="s">
        <v>339</v>
      </c>
      <c r="H9" s="14">
        <v>416</v>
      </c>
      <c r="I9" s="30" t="s">
        <v>340</v>
      </c>
      <c r="J9" s="14">
        <v>178</v>
      </c>
      <c r="K9" s="30" t="s">
        <v>121</v>
      </c>
      <c r="L9" s="14">
        <v>0</v>
      </c>
      <c r="M9" s="30" t="s">
        <v>329</v>
      </c>
      <c r="N9" s="14">
        <v>196</v>
      </c>
      <c r="O9" s="22" t="s">
        <v>121</v>
      </c>
      <c r="P9" s="14">
        <v>0</v>
      </c>
      <c r="Q9" s="15">
        <v>790</v>
      </c>
      <c r="R9" s="31" t="s">
        <v>9</v>
      </c>
    </row>
    <row r="10" spans="2:18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22" t="s">
        <v>87</v>
      </c>
      <c r="P10" s="14" t="s">
        <v>87</v>
      </c>
      <c r="Q10" s="15" t="s">
        <v>87</v>
      </c>
      <c r="R10" s="31" t="s">
        <v>87</v>
      </c>
    </row>
    <row r="11" spans="2:18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22" t="s">
        <v>87</v>
      </c>
      <c r="P11" s="14" t="s">
        <v>87</v>
      </c>
      <c r="Q11" s="15" t="s">
        <v>87</v>
      </c>
      <c r="R11" s="31" t="s">
        <v>87</v>
      </c>
    </row>
    <row r="12" spans="2:18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22" t="s">
        <v>87</v>
      </c>
      <c r="P12" s="14" t="s">
        <v>87</v>
      </c>
      <c r="Q12" s="15" t="s">
        <v>87</v>
      </c>
      <c r="R12" s="31" t="s">
        <v>87</v>
      </c>
    </row>
    <row r="13" spans="2:18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22" t="s">
        <v>87</v>
      </c>
      <c r="P13" s="14" t="s">
        <v>87</v>
      </c>
      <c r="Q13" s="15" t="s">
        <v>87</v>
      </c>
      <c r="R13" s="31" t="s">
        <v>87</v>
      </c>
    </row>
    <row r="14" spans="2:18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22" t="s">
        <v>87</v>
      </c>
      <c r="P14" s="14" t="s">
        <v>87</v>
      </c>
      <c r="Q14" s="15" t="s">
        <v>87</v>
      </c>
      <c r="R14" s="31" t="s">
        <v>87</v>
      </c>
    </row>
    <row r="15" spans="2:18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22" t="s">
        <v>87</v>
      </c>
      <c r="P15" s="14" t="s">
        <v>87</v>
      </c>
      <c r="Q15" s="15" t="s">
        <v>87</v>
      </c>
      <c r="R15" s="31" t="s">
        <v>87</v>
      </c>
    </row>
    <row r="16" spans="2:18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22" t="s">
        <v>87</v>
      </c>
      <c r="P16" s="14" t="s">
        <v>87</v>
      </c>
      <c r="Q16" s="15" t="s">
        <v>87</v>
      </c>
      <c r="R16" s="31" t="s">
        <v>87</v>
      </c>
    </row>
    <row r="17" spans="2:18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22" t="s">
        <v>87</v>
      </c>
      <c r="P17" s="14" t="s">
        <v>87</v>
      </c>
      <c r="Q17" s="15" t="s">
        <v>87</v>
      </c>
      <c r="R17" s="31" t="s">
        <v>87</v>
      </c>
    </row>
    <row r="18" spans="2:18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23" t="s">
        <v>87</v>
      </c>
      <c r="P18" s="19" t="s">
        <v>87</v>
      </c>
      <c r="Q18" s="20" t="s">
        <v>87</v>
      </c>
      <c r="R18" s="34" t="s">
        <v>87</v>
      </c>
    </row>
  </sheetData>
  <mergeCells count="7">
    <mergeCell ref="Q2:R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/>
  </sheetPr>
  <dimension ref="B1:R18"/>
  <sheetViews>
    <sheetView zoomScale="130" zoomScaleNormal="130" workbookViewId="0">
      <selection activeCell="M11" sqref="M11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11.33203125" customWidth="1"/>
    <col min="16" max="16" width="4.6640625" customWidth="1"/>
    <col min="17" max="17" width="7.5546875" bestFit="1" customWidth="1"/>
    <col min="18" max="18" width="3.88671875" style="1" bestFit="1" customWidth="1"/>
    <col min="19" max="19" width="5.5546875" customWidth="1"/>
  </cols>
  <sheetData>
    <row r="1" spans="2:18" ht="2.4" customHeight="1" thickBot="1" x14ac:dyDescent="0.35"/>
    <row r="2" spans="2:18" ht="24" thickBot="1" x14ac:dyDescent="0.5">
      <c r="B2" s="41" t="s">
        <v>341</v>
      </c>
      <c r="C2" s="42"/>
      <c r="D2" s="42"/>
      <c r="E2" s="42"/>
      <c r="F2" s="38"/>
      <c r="G2" s="39" t="s">
        <v>273</v>
      </c>
      <c r="H2" s="40"/>
      <c r="I2" s="39" t="s">
        <v>1</v>
      </c>
      <c r="J2" s="40"/>
      <c r="K2" s="39" t="s">
        <v>274</v>
      </c>
      <c r="L2" s="40"/>
      <c r="M2" s="39" t="s">
        <v>0</v>
      </c>
      <c r="N2" s="40"/>
      <c r="O2" s="39" t="s">
        <v>8</v>
      </c>
      <c r="P2" s="40"/>
      <c r="Q2" s="48" t="s">
        <v>13</v>
      </c>
      <c r="R2" s="49"/>
    </row>
    <row r="3" spans="2:18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7" t="s">
        <v>9</v>
      </c>
      <c r="Q3" s="50"/>
      <c r="R3" s="51"/>
    </row>
    <row r="4" spans="2:18" s="2" customFormat="1" ht="18" customHeight="1" x14ac:dyDescent="0.3">
      <c r="B4" s="7">
        <v>1</v>
      </c>
      <c r="C4" s="21">
        <v>537</v>
      </c>
      <c r="D4" s="24" t="s">
        <v>342</v>
      </c>
      <c r="E4" s="8" t="s">
        <v>343</v>
      </c>
      <c r="F4" s="45">
        <v>922189</v>
      </c>
      <c r="G4" s="26" t="s">
        <v>344</v>
      </c>
      <c r="H4" s="9">
        <v>363</v>
      </c>
      <c r="I4" s="27" t="s">
        <v>345</v>
      </c>
      <c r="J4" s="9">
        <v>278</v>
      </c>
      <c r="K4" s="27" t="s">
        <v>346</v>
      </c>
      <c r="L4" s="9">
        <v>151</v>
      </c>
      <c r="M4" s="27" t="s">
        <v>329</v>
      </c>
      <c r="N4" s="9">
        <v>196</v>
      </c>
      <c r="O4" s="21" t="s">
        <v>347</v>
      </c>
      <c r="P4" s="9">
        <v>113</v>
      </c>
      <c r="Q4" s="10">
        <v>1101</v>
      </c>
      <c r="R4" s="28" t="s">
        <v>9</v>
      </c>
    </row>
    <row r="5" spans="2:18" s="3" customFormat="1" ht="18" customHeight="1" x14ac:dyDescent="0.3">
      <c r="B5" s="11">
        <v>2</v>
      </c>
      <c r="C5" s="22">
        <v>538</v>
      </c>
      <c r="D5" s="25" t="s">
        <v>348</v>
      </c>
      <c r="E5" s="13" t="s">
        <v>349</v>
      </c>
      <c r="F5" s="46">
        <v>891156</v>
      </c>
      <c r="G5" s="29" t="s">
        <v>350</v>
      </c>
      <c r="H5" s="14">
        <v>349</v>
      </c>
      <c r="I5" s="30" t="s">
        <v>351</v>
      </c>
      <c r="J5" s="14">
        <v>222</v>
      </c>
      <c r="K5" s="30" t="s">
        <v>352</v>
      </c>
      <c r="L5" s="14">
        <v>151</v>
      </c>
      <c r="M5" s="30" t="s">
        <v>329</v>
      </c>
      <c r="N5" s="14">
        <v>196</v>
      </c>
      <c r="O5" s="22" t="s">
        <v>353</v>
      </c>
      <c r="P5" s="14">
        <v>125</v>
      </c>
      <c r="Q5" s="15">
        <v>1043</v>
      </c>
      <c r="R5" s="31" t="s">
        <v>9</v>
      </c>
    </row>
    <row r="6" spans="2:18" s="3" customFormat="1" ht="18" customHeight="1" x14ac:dyDescent="0.3">
      <c r="B6" s="11">
        <v>3</v>
      </c>
      <c r="C6" s="22">
        <v>539</v>
      </c>
      <c r="D6" s="25" t="s">
        <v>354</v>
      </c>
      <c r="E6" s="13" t="s">
        <v>281</v>
      </c>
      <c r="F6" s="46">
        <v>649013</v>
      </c>
      <c r="G6" s="29" t="s">
        <v>355</v>
      </c>
      <c r="H6" s="14">
        <v>224</v>
      </c>
      <c r="I6" s="30" t="s">
        <v>356</v>
      </c>
      <c r="J6" s="14">
        <v>150</v>
      </c>
      <c r="K6" s="30" t="s">
        <v>209</v>
      </c>
      <c r="L6" s="14">
        <v>0</v>
      </c>
      <c r="M6" s="30" t="s">
        <v>357</v>
      </c>
      <c r="N6" s="14">
        <v>12</v>
      </c>
      <c r="O6" s="22" t="s">
        <v>358</v>
      </c>
      <c r="P6" s="14">
        <v>47</v>
      </c>
      <c r="Q6" s="15">
        <v>433</v>
      </c>
      <c r="R6" s="31" t="s">
        <v>9</v>
      </c>
    </row>
    <row r="7" spans="2:18" s="3" customFormat="1" ht="18" customHeight="1" x14ac:dyDescent="0.3">
      <c r="B7" s="11">
        <v>4</v>
      </c>
      <c r="C7" s="22">
        <v>540</v>
      </c>
      <c r="D7" s="25" t="s">
        <v>359</v>
      </c>
      <c r="E7" s="13" t="s">
        <v>307</v>
      </c>
      <c r="F7" s="53" t="s">
        <v>304</v>
      </c>
      <c r="G7" s="29" t="s">
        <v>218</v>
      </c>
      <c r="H7" s="14">
        <v>102</v>
      </c>
      <c r="I7" s="30" t="s">
        <v>360</v>
      </c>
      <c r="J7" s="14">
        <v>94</v>
      </c>
      <c r="K7" s="30" t="s">
        <v>361</v>
      </c>
      <c r="L7" s="14">
        <v>94</v>
      </c>
      <c r="M7" s="30" t="s">
        <v>121</v>
      </c>
      <c r="N7" s="14">
        <v>0</v>
      </c>
      <c r="O7" s="22" t="s">
        <v>362</v>
      </c>
      <c r="P7" s="14">
        <v>31</v>
      </c>
      <c r="Q7" s="15">
        <v>321</v>
      </c>
      <c r="R7" s="31" t="s">
        <v>9</v>
      </c>
    </row>
    <row r="8" spans="2:18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22" t="s">
        <v>87</v>
      </c>
      <c r="P8" s="14" t="s">
        <v>87</v>
      </c>
      <c r="Q8" s="15" t="s">
        <v>87</v>
      </c>
      <c r="R8" s="31" t="s">
        <v>87</v>
      </c>
    </row>
    <row r="9" spans="2:18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22" t="s">
        <v>87</v>
      </c>
      <c r="P9" s="14" t="s">
        <v>87</v>
      </c>
      <c r="Q9" s="15" t="s">
        <v>87</v>
      </c>
      <c r="R9" s="31" t="s">
        <v>87</v>
      </c>
    </row>
    <row r="10" spans="2:18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22" t="s">
        <v>87</v>
      </c>
      <c r="P10" s="14" t="s">
        <v>87</v>
      </c>
      <c r="Q10" s="15" t="s">
        <v>87</v>
      </c>
      <c r="R10" s="31" t="s">
        <v>87</v>
      </c>
    </row>
    <row r="11" spans="2:18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22" t="s">
        <v>87</v>
      </c>
      <c r="P11" s="14" t="s">
        <v>87</v>
      </c>
      <c r="Q11" s="15" t="s">
        <v>87</v>
      </c>
      <c r="R11" s="31" t="s">
        <v>87</v>
      </c>
    </row>
    <row r="12" spans="2:18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22" t="s">
        <v>87</v>
      </c>
      <c r="P12" s="14" t="s">
        <v>87</v>
      </c>
      <c r="Q12" s="15" t="s">
        <v>87</v>
      </c>
      <c r="R12" s="31" t="s">
        <v>87</v>
      </c>
    </row>
    <row r="13" spans="2:18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22" t="s">
        <v>87</v>
      </c>
      <c r="P13" s="14" t="s">
        <v>87</v>
      </c>
      <c r="Q13" s="15" t="s">
        <v>87</v>
      </c>
      <c r="R13" s="31" t="s">
        <v>87</v>
      </c>
    </row>
    <row r="14" spans="2:18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22" t="s">
        <v>87</v>
      </c>
      <c r="P14" s="14" t="s">
        <v>87</v>
      </c>
      <c r="Q14" s="15" t="s">
        <v>87</v>
      </c>
      <c r="R14" s="31" t="s">
        <v>87</v>
      </c>
    </row>
    <row r="15" spans="2:18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22" t="s">
        <v>87</v>
      </c>
      <c r="P15" s="14" t="s">
        <v>87</v>
      </c>
      <c r="Q15" s="15" t="s">
        <v>87</v>
      </c>
      <c r="R15" s="31" t="s">
        <v>87</v>
      </c>
    </row>
    <row r="16" spans="2:18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22" t="s">
        <v>87</v>
      </c>
      <c r="P16" s="14" t="s">
        <v>87</v>
      </c>
      <c r="Q16" s="15" t="s">
        <v>87</v>
      </c>
      <c r="R16" s="31" t="s">
        <v>87</v>
      </c>
    </row>
    <row r="17" spans="2:18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22" t="s">
        <v>87</v>
      </c>
      <c r="P17" s="14" t="s">
        <v>87</v>
      </c>
      <c r="Q17" s="15" t="s">
        <v>87</v>
      </c>
      <c r="R17" s="31" t="s">
        <v>87</v>
      </c>
    </row>
    <row r="18" spans="2:18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23" t="s">
        <v>87</v>
      </c>
      <c r="P18" s="19" t="s">
        <v>87</v>
      </c>
      <c r="Q18" s="20" t="s">
        <v>87</v>
      </c>
      <c r="R18" s="34" t="s">
        <v>87</v>
      </c>
    </row>
  </sheetData>
  <mergeCells count="7">
    <mergeCell ref="Q2:R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/>
  </sheetPr>
  <dimension ref="B1:U18"/>
  <sheetViews>
    <sheetView zoomScale="130" zoomScaleNormal="130" workbookViewId="0">
      <selection activeCell="E13" sqref="E13"/>
    </sheetView>
  </sheetViews>
  <sheetFormatPr defaultRowHeight="14.4" x14ac:dyDescent="0.3"/>
  <cols>
    <col min="1" max="1" width="0.33203125" customWidth="1"/>
    <col min="2" max="2" width="3.33203125" customWidth="1"/>
    <col min="3" max="3" width="7.33203125" bestFit="1" customWidth="1"/>
    <col min="4" max="4" width="11" customWidth="1"/>
    <col min="5" max="5" width="15.5546875" customWidth="1"/>
    <col min="6" max="6" width="4.6640625" bestFit="1" customWidth="1"/>
    <col min="7" max="7" width="15.5546875" customWidth="1"/>
    <col min="8" max="8" width="8.5546875" bestFit="1" customWidth="1"/>
    <col min="9" max="9" width="4.6640625" customWidth="1"/>
    <col min="10" max="10" width="8.5546875" customWidth="1"/>
    <col min="11" max="11" width="4.6640625" customWidth="1"/>
    <col min="12" max="12" width="8.5546875" customWidth="1"/>
    <col min="13" max="13" width="4.6640625" customWidth="1"/>
    <col min="14" max="14" width="8.5546875" customWidth="1"/>
    <col min="15" max="15" width="4.6640625" customWidth="1"/>
    <col min="16" max="16" width="8.5546875" customWidth="1"/>
    <col min="17" max="17" width="4.6640625" customWidth="1"/>
    <col min="18" max="18" width="11.33203125" customWidth="1"/>
    <col min="19" max="19" width="4.6640625" customWidth="1"/>
    <col min="20" max="20" width="7.5546875" customWidth="1"/>
    <col min="21" max="21" width="3.88671875" style="1" bestFit="1" customWidth="1"/>
    <col min="22" max="22" width="5.5546875" customWidth="1"/>
  </cols>
  <sheetData>
    <row r="1" spans="2:21" ht="2.4" customHeight="1" thickBot="1" x14ac:dyDescent="0.35"/>
    <row r="2" spans="2:21" ht="24" thickBot="1" x14ac:dyDescent="0.5">
      <c r="B2" s="41" t="s">
        <v>442</v>
      </c>
      <c r="C2" s="42"/>
      <c r="D2" s="42"/>
      <c r="E2" s="42"/>
      <c r="F2" s="42"/>
      <c r="G2" s="38"/>
      <c r="H2" s="39" t="s">
        <v>6</v>
      </c>
      <c r="I2" s="40"/>
      <c r="J2" s="39" t="s">
        <v>1</v>
      </c>
      <c r="K2" s="40"/>
      <c r="L2" s="39" t="s">
        <v>3</v>
      </c>
      <c r="M2" s="40"/>
      <c r="N2" s="39" t="s">
        <v>0</v>
      </c>
      <c r="O2" s="40"/>
      <c r="P2" s="39" t="s">
        <v>4</v>
      </c>
      <c r="Q2" s="40"/>
      <c r="R2" s="39" t="s">
        <v>8</v>
      </c>
      <c r="S2" s="40"/>
      <c r="T2" s="48" t="s">
        <v>13</v>
      </c>
      <c r="U2" s="49"/>
    </row>
    <row r="3" spans="2:21" ht="15.6" customHeight="1" thickTop="1" thickBot="1" x14ac:dyDescent="0.35">
      <c r="B3" s="4"/>
      <c r="C3" s="5" t="s">
        <v>10</v>
      </c>
      <c r="D3" s="5" t="s">
        <v>11</v>
      </c>
      <c r="E3" s="54" t="s">
        <v>12</v>
      </c>
      <c r="F3" s="55" t="s">
        <v>437</v>
      </c>
      <c r="G3" s="44" t="s">
        <v>74</v>
      </c>
      <c r="H3" s="35" t="s">
        <v>14</v>
      </c>
      <c r="I3" s="36" t="s">
        <v>9</v>
      </c>
      <c r="J3" s="35" t="s">
        <v>14</v>
      </c>
      <c r="K3" s="36" t="s">
        <v>9</v>
      </c>
      <c r="L3" s="35" t="s">
        <v>14</v>
      </c>
      <c r="M3" s="36" t="s">
        <v>9</v>
      </c>
      <c r="N3" s="35" t="s">
        <v>14</v>
      </c>
      <c r="O3" s="36" t="s">
        <v>9</v>
      </c>
      <c r="P3" s="35" t="s">
        <v>14</v>
      </c>
      <c r="Q3" s="36" t="s">
        <v>9</v>
      </c>
      <c r="R3" s="35" t="s">
        <v>14</v>
      </c>
      <c r="S3" s="37" t="s">
        <v>9</v>
      </c>
      <c r="T3" s="50"/>
      <c r="U3" s="51"/>
    </row>
    <row r="4" spans="2:21" s="2" customFormat="1" ht="18" customHeight="1" x14ac:dyDescent="0.3">
      <c r="B4" s="7">
        <v>1</v>
      </c>
      <c r="C4" s="21">
        <v>483</v>
      </c>
      <c r="D4" s="24" t="s">
        <v>443</v>
      </c>
      <c r="E4" s="56" t="s">
        <v>444</v>
      </c>
      <c r="F4" s="57" t="s">
        <v>445</v>
      </c>
      <c r="G4" s="45">
        <v>906180</v>
      </c>
      <c r="H4" s="26" t="s">
        <v>392</v>
      </c>
      <c r="I4" s="9">
        <v>246</v>
      </c>
      <c r="J4" s="27" t="s">
        <v>446</v>
      </c>
      <c r="K4" s="9">
        <v>235</v>
      </c>
      <c r="L4" s="27" t="s">
        <v>447</v>
      </c>
      <c r="M4" s="9">
        <v>233</v>
      </c>
      <c r="N4" s="27" t="s">
        <v>448</v>
      </c>
      <c r="O4" s="9">
        <v>320</v>
      </c>
      <c r="P4" s="27" t="s">
        <v>449</v>
      </c>
      <c r="Q4" s="9">
        <v>137</v>
      </c>
      <c r="R4" s="21" t="s">
        <v>450</v>
      </c>
      <c r="S4" s="9">
        <v>521</v>
      </c>
      <c r="T4" s="10">
        <v>1692</v>
      </c>
      <c r="U4" s="28" t="s">
        <v>9</v>
      </c>
    </row>
    <row r="5" spans="2:21" s="3" customFormat="1" ht="18" customHeight="1" x14ac:dyDescent="0.3">
      <c r="B5" s="11">
        <v>2</v>
      </c>
      <c r="C5" s="22">
        <v>484</v>
      </c>
      <c r="D5" s="25" t="s">
        <v>451</v>
      </c>
      <c r="E5" s="58" t="s">
        <v>452</v>
      </c>
      <c r="F5" s="59" t="s">
        <v>453</v>
      </c>
      <c r="G5" s="46">
        <v>470667</v>
      </c>
      <c r="H5" s="29" t="s">
        <v>121</v>
      </c>
      <c r="I5" s="14">
        <v>0</v>
      </c>
      <c r="J5" s="30" t="s">
        <v>186</v>
      </c>
      <c r="K5" s="14">
        <v>297</v>
      </c>
      <c r="L5" s="30" t="s">
        <v>454</v>
      </c>
      <c r="M5" s="14">
        <v>167</v>
      </c>
      <c r="N5" s="30" t="s">
        <v>121</v>
      </c>
      <c r="O5" s="14">
        <v>0</v>
      </c>
      <c r="P5" s="30" t="s">
        <v>455</v>
      </c>
      <c r="Q5" s="14">
        <v>322</v>
      </c>
      <c r="R5" s="22" t="s">
        <v>456</v>
      </c>
      <c r="S5" s="14">
        <v>520</v>
      </c>
      <c r="T5" s="15">
        <v>1306</v>
      </c>
      <c r="U5" s="31" t="s">
        <v>9</v>
      </c>
    </row>
    <row r="6" spans="2:21" s="3" customFormat="1" ht="18" customHeight="1" x14ac:dyDescent="0.3">
      <c r="B6" s="11" t="s">
        <v>87</v>
      </c>
      <c r="C6" s="22" t="s">
        <v>87</v>
      </c>
      <c r="D6" s="25" t="s">
        <v>87</v>
      </c>
      <c r="E6" s="58" t="s">
        <v>87</v>
      </c>
      <c r="F6" s="59" t="s">
        <v>87</v>
      </c>
      <c r="G6" s="46"/>
      <c r="H6" s="29" t="s">
        <v>87</v>
      </c>
      <c r="I6" s="14" t="s">
        <v>87</v>
      </c>
      <c r="J6" s="30" t="s">
        <v>87</v>
      </c>
      <c r="K6" s="14" t="s">
        <v>87</v>
      </c>
      <c r="L6" s="30" t="s">
        <v>87</v>
      </c>
      <c r="M6" s="14" t="s">
        <v>87</v>
      </c>
      <c r="N6" s="30" t="s">
        <v>87</v>
      </c>
      <c r="O6" s="14" t="s">
        <v>87</v>
      </c>
      <c r="P6" s="30" t="s">
        <v>87</v>
      </c>
      <c r="Q6" s="14" t="s">
        <v>87</v>
      </c>
      <c r="R6" s="22" t="s">
        <v>87</v>
      </c>
      <c r="S6" s="14" t="s">
        <v>87</v>
      </c>
      <c r="T6" s="15" t="s">
        <v>87</v>
      </c>
      <c r="U6" s="31" t="s">
        <v>87</v>
      </c>
    </row>
    <row r="7" spans="2:21" s="3" customFormat="1" ht="18" customHeight="1" x14ac:dyDescent="0.3">
      <c r="B7" s="11" t="s">
        <v>87</v>
      </c>
      <c r="C7" s="22" t="s">
        <v>87</v>
      </c>
      <c r="D7" s="25" t="s">
        <v>87</v>
      </c>
      <c r="E7" s="58" t="s">
        <v>87</v>
      </c>
      <c r="F7" s="59" t="s">
        <v>87</v>
      </c>
      <c r="G7" s="46"/>
      <c r="H7" s="29" t="s">
        <v>87</v>
      </c>
      <c r="I7" s="14" t="s">
        <v>87</v>
      </c>
      <c r="J7" s="30" t="s">
        <v>87</v>
      </c>
      <c r="K7" s="14" t="s">
        <v>87</v>
      </c>
      <c r="L7" s="30" t="s">
        <v>87</v>
      </c>
      <c r="M7" s="14" t="s">
        <v>87</v>
      </c>
      <c r="N7" s="30" t="s">
        <v>87</v>
      </c>
      <c r="O7" s="14" t="s">
        <v>87</v>
      </c>
      <c r="P7" s="30" t="s">
        <v>87</v>
      </c>
      <c r="Q7" s="14" t="s">
        <v>87</v>
      </c>
      <c r="R7" s="22" t="s">
        <v>87</v>
      </c>
      <c r="S7" s="14" t="s">
        <v>87</v>
      </c>
      <c r="T7" s="15" t="s">
        <v>87</v>
      </c>
      <c r="U7" s="31" t="s">
        <v>87</v>
      </c>
    </row>
    <row r="8" spans="2:21" s="3" customFormat="1" ht="18" customHeight="1" x14ac:dyDescent="0.3">
      <c r="B8" s="11" t="s">
        <v>87</v>
      </c>
      <c r="C8" s="22" t="s">
        <v>87</v>
      </c>
      <c r="D8" s="25" t="s">
        <v>87</v>
      </c>
      <c r="E8" s="58" t="s">
        <v>87</v>
      </c>
      <c r="F8" s="59" t="s">
        <v>87</v>
      </c>
      <c r="G8" s="46"/>
      <c r="H8" s="29" t="s">
        <v>87</v>
      </c>
      <c r="I8" s="14" t="s">
        <v>87</v>
      </c>
      <c r="J8" s="30" t="s">
        <v>87</v>
      </c>
      <c r="K8" s="14" t="s">
        <v>87</v>
      </c>
      <c r="L8" s="30" t="s">
        <v>87</v>
      </c>
      <c r="M8" s="14" t="s">
        <v>87</v>
      </c>
      <c r="N8" s="30" t="s">
        <v>87</v>
      </c>
      <c r="O8" s="14" t="s">
        <v>87</v>
      </c>
      <c r="P8" s="30" t="s">
        <v>87</v>
      </c>
      <c r="Q8" s="14" t="s">
        <v>87</v>
      </c>
      <c r="R8" s="22" t="s">
        <v>87</v>
      </c>
      <c r="S8" s="14" t="s">
        <v>87</v>
      </c>
      <c r="T8" s="15" t="s">
        <v>87</v>
      </c>
      <c r="U8" s="31" t="s">
        <v>87</v>
      </c>
    </row>
    <row r="9" spans="2:21" s="3" customFormat="1" ht="18" customHeight="1" x14ac:dyDescent="0.3">
      <c r="B9" s="11" t="s">
        <v>87</v>
      </c>
      <c r="C9" s="22" t="s">
        <v>87</v>
      </c>
      <c r="D9" s="25" t="s">
        <v>87</v>
      </c>
      <c r="E9" s="58" t="s">
        <v>87</v>
      </c>
      <c r="F9" s="59" t="s">
        <v>87</v>
      </c>
      <c r="G9" s="46"/>
      <c r="H9" s="29" t="s">
        <v>87</v>
      </c>
      <c r="I9" s="14" t="s">
        <v>87</v>
      </c>
      <c r="J9" s="30" t="s">
        <v>87</v>
      </c>
      <c r="K9" s="14" t="s">
        <v>87</v>
      </c>
      <c r="L9" s="30" t="s">
        <v>87</v>
      </c>
      <c r="M9" s="14" t="s">
        <v>87</v>
      </c>
      <c r="N9" s="30" t="s">
        <v>87</v>
      </c>
      <c r="O9" s="14" t="s">
        <v>87</v>
      </c>
      <c r="P9" s="30" t="s">
        <v>87</v>
      </c>
      <c r="Q9" s="14" t="s">
        <v>87</v>
      </c>
      <c r="R9" s="22" t="s">
        <v>87</v>
      </c>
      <c r="S9" s="14" t="s">
        <v>87</v>
      </c>
      <c r="T9" s="15" t="s">
        <v>87</v>
      </c>
      <c r="U9" s="31" t="s">
        <v>87</v>
      </c>
    </row>
    <row r="10" spans="2:21" s="3" customFormat="1" ht="18" customHeight="1" x14ac:dyDescent="0.3">
      <c r="B10" s="11" t="s">
        <v>87</v>
      </c>
      <c r="C10" s="22" t="s">
        <v>87</v>
      </c>
      <c r="D10" s="25" t="s">
        <v>87</v>
      </c>
      <c r="E10" s="58" t="s">
        <v>87</v>
      </c>
      <c r="F10" s="59" t="s">
        <v>87</v>
      </c>
      <c r="G10" s="46"/>
      <c r="H10" s="29" t="s">
        <v>87</v>
      </c>
      <c r="I10" s="14" t="s">
        <v>87</v>
      </c>
      <c r="J10" s="30" t="s">
        <v>87</v>
      </c>
      <c r="K10" s="14" t="s">
        <v>87</v>
      </c>
      <c r="L10" s="30" t="s">
        <v>87</v>
      </c>
      <c r="M10" s="14" t="s">
        <v>87</v>
      </c>
      <c r="N10" s="30" t="s">
        <v>87</v>
      </c>
      <c r="O10" s="14" t="s">
        <v>87</v>
      </c>
      <c r="P10" s="30" t="s">
        <v>87</v>
      </c>
      <c r="Q10" s="14" t="s">
        <v>87</v>
      </c>
      <c r="R10" s="22" t="s">
        <v>87</v>
      </c>
      <c r="S10" s="14" t="s">
        <v>87</v>
      </c>
      <c r="T10" s="15" t="s">
        <v>87</v>
      </c>
      <c r="U10" s="31" t="s">
        <v>87</v>
      </c>
    </row>
    <row r="11" spans="2:21" s="3" customFormat="1" ht="18" customHeight="1" x14ac:dyDescent="0.3">
      <c r="B11" s="11" t="s">
        <v>87</v>
      </c>
      <c r="C11" s="22" t="s">
        <v>87</v>
      </c>
      <c r="D11" s="12" t="s">
        <v>87</v>
      </c>
      <c r="E11" s="58" t="s">
        <v>87</v>
      </c>
      <c r="F11" s="59" t="s">
        <v>87</v>
      </c>
      <c r="G11" s="46"/>
      <c r="H11" s="29" t="s">
        <v>87</v>
      </c>
      <c r="I11" s="14" t="s">
        <v>87</v>
      </c>
      <c r="J11" s="30" t="s">
        <v>87</v>
      </c>
      <c r="K11" s="14" t="s">
        <v>87</v>
      </c>
      <c r="L11" s="30" t="s">
        <v>87</v>
      </c>
      <c r="M11" s="14" t="s">
        <v>87</v>
      </c>
      <c r="N11" s="30" t="s">
        <v>87</v>
      </c>
      <c r="O11" s="14" t="s">
        <v>87</v>
      </c>
      <c r="P11" s="30" t="s">
        <v>87</v>
      </c>
      <c r="Q11" s="14" t="s">
        <v>87</v>
      </c>
      <c r="R11" s="22" t="s">
        <v>87</v>
      </c>
      <c r="S11" s="14" t="s">
        <v>87</v>
      </c>
      <c r="T11" s="15" t="s">
        <v>87</v>
      </c>
      <c r="U11" s="31" t="s">
        <v>87</v>
      </c>
    </row>
    <row r="12" spans="2:21" s="3" customFormat="1" ht="18" customHeight="1" x14ac:dyDescent="0.3">
      <c r="B12" s="11" t="s">
        <v>87</v>
      </c>
      <c r="C12" s="22" t="s">
        <v>87</v>
      </c>
      <c r="D12" s="12" t="s">
        <v>87</v>
      </c>
      <c r="E12" s="58" t="s">
        <v>87</v>
      </c>
      <c r="F12" s="59" t="s">
        <v>87</v>
      </c>
      <c r="G12" s="46"/>
      <c r="H12" s="29" t="s">
        <v>87</v>
      </c>
      <c r="I12" s="14" t="s">
        <v>87</v>
      </c>
      <c r="J12" s="30" t="s">
        <v>87</v>
      </c>
      <c r="K12" s="14" t="s">
        <v>87</v>
      </c>
      <c r="L12" s="30" t="s">
        <v>87</v>
      </c>
      <c r="M12" s="14" t="s">
        <v>87</v>
      </c>
      <c r="N12" s="30" t="s">
        <v>87</v>
      </c>
      <c r="O12" s="14" t="s">
        <v>87</v>
      </c>
      <c r="P12" s="30" t="s">
        <v>87</v>
      </c>
      <c r="Q12" s="14" t="s">
        <v>87</v>
      </c>
      <c r="R12" s="22" t="s">
        <v>87</v>
      </c>
      <c r="S12" s="14" t="s">
        <v>87</v>
      </c>
      <c r="T12" s="15" t="s">
        <v>87</v>
      </c>
      <c r="U12" s="31" t="s">
        <v>87</v>
      </c>
    </row>
    <row r="13" spans="2:21" s="3" customFormat="1" ht="18" customHeight="1" x14ac:dyDescent="0.3">
      <c r="B13" s="11" t="s">
        <v>87</v>
      </c>
      <c r="C13" s="22" t="s">
        <v>87</v>
      </c>
      <c r="D13" s="12" t="s">
        <v>87</v>
      </c>
      <c r="E13" s="58" t="s">
        <v>87</v>
      </c>
      <c r="F13" s="59" t="s">
        <v>87</v>
      </c>
      <c r="G13" s="46"/>
      <c r="H13" s="29" t="s">
        <v>87</v>
      </c>
      <c r="I13" s="14" t="s">
        <v>87</v>
      </c>
      <c r="J13" s="30" t="s">
        <v>87</v>
      </c>
      <c r="K13" s="14" t="s">
        <v>87</v>
      </c>
      <c r="L13" s="30" t="s">
        <v>87</v>
      </c>
      <c r="M13" s="14" t="s">
        <v>87</v>
      </c>
      <c r="N13" s="30" t="s">
        <v>87</v>
      </c>
      <c r="O13" s="14" t="s">
        <v>87</v>
      </c>
      <c r="P13" s="30" t="s">
        <v>87</v>
      </c>
      <c r="Q13" s="14" t="s">
        <v>87</v>
      </c>
      <c r="R13" s="22" t="s">
        <v>87</v>
      </c>
      <c r="S13" s="14" t="s">
        <v>87</v>
      </c>
      <c r="T13" s="15" t="s">
        <v>87</v>
      </c>
      <c r="U13" s="31" t="s">
        <v>87</v>
      </c>
    </row>
    <row r="14" spans="2:21" s="3" customFormat="1" ht="18" customHeight="1" x14ac:dyDescent="0.3">
      <c r="B14" s="11" t="s">
        <v>87</v>
      </c>
      <c r="C14" s="22" t="s">
        <v>87</v>
      </c>
      <c r="D14" s="12" t="s">
        <v>87</v>
      </c>
      <c r="E14" s="58" t="s">
        <v>87</v>
      </c>
      <c r="F14" s="59" t="s">
        <v>87</v>
      </c>
      <c r="G14" s="46"/>
      <c r="H14" s="29" t="s">
        <v>87</v>
      </c>
      <c r="I14" s="14" t="s">
        <v>87</v>
      </c>
      <c r="J14" s="30" t="s">
        <v>87</v>
      </c>
      <c r="K14" s="14" t="s">
        <v>87</v>
      </c>
      <c r="L14" s="30" t="s">
        <v>87</v>
      </c>
      <c r="M14" s="14" t="s">
        <v>87</v>
      </c>
      <c r="N14" s="30" t="s">
        <v>87</v>
      </c>
      <c r="O14" s="14" t="s">
        <v>87</v>
      </c>
      <c r="P14" s="30" t="s">
        <v>87</v>
      </c>
      <c r="Q14" s="14" t="s">
        <v>87</v>
      </c>
      <c r="R14" s="22" t="s">
        <v>87</v>
      </c>
      <c r="S14" s="14" t="s">
        <v>87</v>
      </c>
      <c r="T14" s="15" t="s">
        <v>87</v>
      </c>
      <c r="U14" s="31" t="s">
        <v>87</v>
      </c>
    </row>
    <row r="15" spans="2:21" s="3" customFormat="1" ht="18" customHeight="1" x14ac:dyDescent="0.3">
      <c r="B15" s="11" t="s">
        <v>87</v>
      </c>
      <c r="C15" s="22" t="s">
        <v>87</v>
      </c>
      <c r="D15" s="12" t="s">
        <v>87</v>
      </c>
      <c r="E15" s="58" t="s">
        <v>87</v>
      </c>
      <c r="F15" s="59" t="s">
        <v>87</v>
      </c>
      <c r="G15" s="46"/>
      <c r="H15" s="29" t="s">
        <v>87</v>
      </c>
      <c r="I15" s="14" t="s">
        <v>87</v>
      </c>
      <c r="J15" s="30" t="s">
        <v>87</v>
      </c>
      <c r="K15" s="14" t="s">
        <v>87</v>
      </c>
      <c r="L15" s="30" t="s">
        <v>87</v>
      </c>
      <c r="M15" s="14" t="s">
        <v>87</v>
      </c>
      <c r="N15" s="30" t="s">
        <v>87</v>
      </c>
      <c r="O15" s="14" t="s">
        <v>87</v>
      </c>
      <c r="P15" s="30" t="s">
        <v>87</v>
      </c>
      <c r="Q15" s="14" t="s">
        <v>87</v>
      </c>
      <c r="R15" s="22" t="s">
        <v>87</v>
      </c>
      <c r="S15" s="14" t="s">
        <v>87</v>
      </c>
      <c r="T15" s="15" t="s">
        <v>87</v>
      </c>
      <c r="U15" s="31" t="s">
        <v>87</v>
      </c>
    </row>
    <row r="16" spans="2:21" s="3" customFormat="1" ht="18" customHeight="1" x14ac:dyDescent="0.3">
      <c r="B16" s="11" t="s">
        <v>87</v>
      </c>
      <c r="C16" s="22" t="s">
        <v>87</v>
      </c>
      <c r="D16" s="12" t="s">
        <v>87</v>
      </c>
      <c r="E16" s="58" t="s">
        <v>87</v>
      </c>
      <c r="F16" s="59" t="s">
        <v>87</v>
      </c>
      <c r="G16" s="46"/>
      <c r="H16" s="29" t="s">
        <v>87</v>
      </c>
      <c r="I16" s="14" t="s">
        <v>87</v>
      </c>
      <c r="J16" s="30" t="s">
        <v>87</v>
      </c>
      <c r="K16" s="14" t="s">
        <v>87</v>
      </c>
      <c r="L16" s="30" t="s">
        <v>87</v>
      </c>
      <c r="M16" s="14" t="s">
        <v>87</v>
      </c>
      <c r="N16" s="30" t="s">
        <v>87</v>
      </c>
      <c r="O16" s="14" t="s">
        <v>87</v>
      </c>
      <c r="P16" s="30" t="s">
        <v>87</v>
      </c>
      <c r="Q16" s="14" t="s">
        <v>87</v>
      </c>
      <c r="R16" s="22" t="s">
        <v>87</v>
      </c>
      <c r="S16" s="14" t="s">
        <v>87</v>
      </c>
      <c r="T16" s="15" t="s">
        <v>87</v>
      </c>
      <c r="U16" s="31" t="s">
        <v>87</v>
      </c>
    </row>
    <row r="17" spans="2:21" s="3" customFormat="1" ht="18" customHeight="1" x14ac:dyDescent="0.3">
      <c r="B17" s="11" t="s">
        <v>87</v>
      </c>
      <c r="C17" s="22" t="s">
        <v>87</v>
      </c>
      <c r="D17" s="12" t="s">
        <v>87</v>
      </c>
      <c r="E17" s="58" t="s">
        <v>87</v>
      </c>
      <c r="F17" s="59" t="s">
        <v>87</v>
      </c>
      <c r="G17" s="46"/>
      <c r="H17" s="29" t="s">
        <v>87</v>
      </c>
      <c r="I17" s="14" t="s">
        <v>87</v>
      </c>
      <c r="J17" s="30" t="s">
        <v>87</v>
      </c>
      <c r="K17" s="14" t="s">
        <v>87</v>
      </c>
      <c r="L17" s="30" t="s">
        <v>87</v>
      </c>
      <c r="M17" s="14" t="s">
        <v>87</v>
      </c>
      <c r="N17" s="30" t="s">
        <v>87</v>
      </c>
      <c r="O17" s="14" t="s">
        <v>87</v>
      </c>
      <c r="P17" s="30" t="s">
        <v>87</v>
      </c>
      <c r="Q17" s="14" t="s">
        <v>87</v>
      </c>
      <c r="R17" s="22" t="s">
        <v>87</v>
      </c>
      <c r="S17" s="14" t="s">
        <v>87</v>
      </c>
      <c r="T17" s="15" t="s">
        <v>87</v>
      </c>
      <c r="U17" s="31" t="s">
        <v>87</v>
      </c>
    </row>
    <row r="18" spans="2:21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60" t="s">
        <v>87</v>
      </c>
      <c r="F18" s="61" t="s">
        <v>87</v>
      </c>
      <c r="G18" s="47"/>
      <c r="H18" s="32" t="s">
        <v>87</v>
      </c>
      <c r="I18" s="19" t="s">
        <v>87</v>
      </c>
      <c r="J18" s="33" t="s">
        <v>87</v>
      </c>
      <c r="K18" s="19" t="s">
        <v>87</v>
      </c>
      <c r="L18" s="33" t="s">
        <v>87</v>
      </c>
      <c r="M18" s="19" t="s">
        <v>87</v>
      </c>
      <c r="N18" s="33" t="s">
        <v>87</v>
      </c>
      <c r="O18" s="19" t="s">
        <v>87</v>
      </c>
      <c r="P18" s="33" t="s">
        <v>87</v>
      </c>
      <c r="Q18" s="19" t="s">
        <v>87</v>
      </c>
      <c r="R18" s="23" t="s">
        <v>87</v>
      </c>
      <c r="S18" s="19" t="s">
        <v>87</v>
      </c>
      <c r="T18" s="20" t="s">
        <v>87</v>
      </c>
      <c r="U18" s="34" t="s">
        <v>87</v>
      </c>
    </row>
  </sheetData>
  <mergeCells count="8">
    <mergeCell ref="R2:S2"/>
    <mergeCell ref="T2:U3"/>
    <mergeCell ref="B2:F2"/>
    <mergeCell ref="H2:I2"/>
    <mergeCell ref="J2:K2"/>
    <mergeCell ref="L2:M2"/>
    <mergeCell ref="N2:O2"/>
    <mergeCell ref="P2:Q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B1:R18"/>
  <sheetViews>
    <sheetView zoomScale="130" zoomScaleNormal="130" workbookViewId="0">
      <selection activeCell="B2" sqref="B2:E2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11.33203125" customWidth="1"/>
    <col min="16" max="16" width="4.6640625" customWidth="1"/>
    <col min="17" max="17" width="7.5546875" bestFit="1" customWidth="1"/>
    <col min="18" max="18" width="3.88671875" style="1" bestFit="1" customWidth="1"/>
    <col min="19" max="19" width="5.5546875" customWidth="1"/>
  </cols>
  <sheetData>
    <row r="1" spans="2:18" ht="2.4" customHeight="1" thickBot="1" x14ac:dyDescent="0.35"/>
    <row r="2" spans="2:18" ht="24" thickBot="1" x14ac:dyDescent="0.5">
      <c r="B2" s="41" t="s">
        <v>363</v>
      </c>
      <c r="C2" s="42"/>
      <c r="D2" s="42"/>
      <c r="E2" s="42"/>
      <c r="F2" s="38"/>
      <c r="G2" s="39" t="s">
        <v>273</v>
      </c>
      <c r="H2" s="40"/>
      <c r="I2" s="39" t="s">
        <v>1</v>
      </c>
      <c r="J2" s="40"/>
      <c r="K2" s="39" t="s">
        <v>274</v>
      </c>
      <c r="L2" s="40"/>
      <c r="M2" s="39" t="s">
        <v>0</v>
      </c>
      <c r="N2" s="40"/>
      <c r="O2" s="39" t="s">
        <v>8</v>
      </c>
      <c r="P2" s="40"/>
      <c r="Q2" s="48" t="s">
        <v>13</v>
      </c>
      <c r="R2" s="49"/>
    </row>
    <row r="3" spans="2:18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7" t="s">
        <v>9</v>
      </c>
      <c r="Q3" s="50"/>
      <c r="R3" s="51"/>
    </row>
    <row r="4" spans="2:18" s="2" customFormat="1" ht="18" customHeight="1" x14ac:dyDescent="0.3">
      <c r="B4" s="7">
        <v>1</v>
      </c>
      <c r="C4" s="21">
        <v>541</v>
      </c>
      <c r="D4" s="24" t="s">
        <v>364</v>
      </c>
      <c r="E4" s="8" t="s">
        <v>365</v>
      </c>
      <c r="F4" s="45">
        <v>906986</v>
      </c>
      <c r="G4" s="26" t="s">
        <v>366</v>
      </c>
      <c r="H4" s="9">
        <v>245</v>
      </c>
      <c r="I4" s="27" t="s">
        <v>367</v>
      </c>
      <c r="J4" s="9">
        <v>138</v>
      </c>
      <c r="K4" s="27" t="s">
        <v>368</v>
      </c>
      <c r="L4" s="9">
        <v>115</v>
      </c>
      <c r="M4" s="27" t="s">
        <v>357</v>
      </c>
      <c r="N4" s="9">
        <v>12</v>
      </c>
      <c r="O4" s="21" t="s">
        <v>369</v>
      </c>
      <c r="P4" s="9">
        <v>61</v>
      </c>
      <c r="Q4" s="10">
        <v>571</v>
      </c>
      <c r="R4" s="28" t="s">
        <v>9</v>
      </c>
    </row>
    <row r="5" spans="2:18" s="3" customFormat="1" ht="18" customHeight="1" x14ac:dyDescent="0.3">
      <c r="B5" s="11" t="s">
        <v>87</v>
      </c>
      <c r="C5" s="22" t="s">
        <v>87</v>
      </c>
      <c r="D5" s="25" t="s">
        <v>87</v>
      </c>
      <c r="E5" s="13" t="s">
        <v>87</v>
      </c>
      <c r="F5" s="46"/>
      <c r="G5" s="29" t="s">
        <v>87</v>
      </c>
      <c r="H5" s="14" t="s">
        <v>87</v>
      </c>
      <c r="I5" s="30" t="s">
        <v>87</v>
      </c>
      <c r="J5" s="14" t="s">
        <v>87</v>
      </c>
      <c r="K5" s="30" t="s">
        <v>87</v>
      </c>
      <c r="L5" s="14" t="s">
        <v>87</v>
      </c>
      <c r="M5" s="30" t="s">
        <v>87</v>
      </c>
      <c r="N5" s="14" t="s">
        <v>87</v>
      </c>
      <c r="O5" s="22" t="s">
        <v>87</v>
      </c>
      <c r="P5" s="14" t="s">
        <v>87</v>
      </c>
      <c r="Q5" s="15" t="s">
        <v>87</v>
      </c>
      <c r="R5" s="31" t="s">
        <v>87</v>
      </c>
    </row>
    <row r="6" spans="2:18" s="3" customFormat="1" ht="18" customHeight="1" x14ac:dyDescent="0.3">
      <c r="B6" s="11" t="s">
        <v>87</v>
      </c>
      <c r="C6" s="22" t="s">
        <v>87</v>
      </c>
      <c r="D6" s="25" t="s">
        <v>87</v>
      </c>
      <c r="E6" s="13" t="s">
        <v>87</v>
      </c>
      <c r="F6" s="46"/>
      <c r="G6" s="29" t="s">
        <v>87</v>
      </c>
      <c r="H6" s="14" t="s">
        <v>87</v>
      </c>
      <c r="I6" s="30" t="s">
        <v>87</v>
      </c>
      <c r="J6" s="14" t="s">
        <v>87</v>
      </c>
      <c r="K6" s="30" t="s">
        <v>87</v>
      </c>
      <c r="L6" s="14" t="s">
        <v>87</v>
      </c>
      <c r="M6" s="30" t="s">
        <v>87</v>
      </c>
      <c r="N6" s="14" t="s">
        <v>87</v>
      </c>
      <c r="O6" s="22" t="s">
        <v>87</v>
      </c>
      <c r="P6" s="14" t="s">
        <v>87</v>
      </c>
      <c r="Q6" s="15" t="s">
        <v>87</v>
      </c>
      <c r="R6" s="31" t="s">
        <v>87</v>
      </c>
    </row>
    <row r="7" spans="2:18" s="3" customFormat="1" ht="18" customHeight="1" x14ac:dyDescent="0.3">
      <c r="B7" s="11" t="s">
        <v>87</v>
      </c>
      <c r="C7" s="22" t="s">
        <v>87</v>
      </c>
      <c r="D7" s="25" t="s">
        <v>87</v>
      </c>
      <c r="E7" s="13" t="s">
        <v>87</v>
      </c>
      <c r="F7" s="46"/>
      <c r="G7" s="29" t="s">
        <v>87</v>
      </c>
      <c r="H7" s="14" t="s">
        <v>87</v>
      </c>
      <c r="I7" s="30" t="s">
        <v>87</v>
      </c>
      <c r="J7" s="14" t="s">
        <v>87</v>
      </c>
      <c r="K7" s="30" t="s">
        <v>87</v>
      </c>
      <c r="L7" s="14" t="s">
        <v>87</v>
      </c>
      <c r="M7" s="30" t="s">
        <v>87</v>
      </c>
      <c r="N7" s="14" t="s">
        <v>87</v>
      </c>
      <c r="O7" s="22" t="s">
        <v>87</v>
      </c>
      <c r="P7" s="14" t="s">
        <v>87</v>
      </c>
      <c r="Q7" s="15" t="s">
        <v>87</v>
      </c>
      <c r="R7" s="31" t="s">
        <v>87</v>
      </c>
    </row>
    <row r="8" spans="2:18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22" t="s">
        <v>87</v>
      </c>
      <c r="P8" s="14" t="s">
        <v>87</v>
      </c>
      <c r="Q8" s="15" t="s">
        <v>87</v>
      </c>
      <c r="R8" s="31" t="s">
        <v>87</v>
      </c>
    </row>
    <row r="9" spans="2:18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22" t="s">
        <v>87</v>
      </c>
      <c r="P9" s="14" t="s">
        <v>87</v>
      </c>
      <c r="Q9" s="15" t="s">
        <v>87</v>
      </c>
      <c r="R9" s="31" t="s">
        <v>87</v>
      </c>
    </row>
    <row r="10" spans="2:18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22" t="s">
        <v>87</v>
      </c>
      <c r="P10" s="14" t="s">
        <v>87</v>
      </c>
      <c r="Q10" s="15" t="s">
        <v>87</v>
      </c>
      <c r="R10" s="31" t="s">
        <v>87</v>
      </c>
    </row>
    <row r="11" spans="2:18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22" t="s">
        <v>87</v>
      </c>
      <c r="P11" s="14" t="s">
        <v>87</v>
      </c>
      <c r="Q11" s="15" t="s">
        <v>87</v>
      </c>
      <c r="R11" s="31" t="s">
        <v>87</v>
      </c>
    </row>
    <row r="12" spans="2:18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22" t="s">
        <v>87</v>
      </c>
      <c r="P12" s="14" t="s">
        <v>87</v>
      </c>
      <c r="Q12" s="15" t="s">
        <v>87</v>
      </c>
      <c r="R12" s="31" t="s">
        <v>87</v>
      </c>
    </row>
    <row r="13" spans="2:18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22" t="s">
        <v>87</v>
      </c>
      <c r="P13" s="14" t="s">
        <v>87</v>
      </c>
      <c r="Q13" s="15" t="s">
        <v>87</v>
      </c>
      <c r="R13" s="31" t="s">
        <v>87</v>
      </c>
    </row>
    <row r="14" spans="2:18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22" t="s">
        <v>87</v>
      </c>
      <c r="P14" s="14" t="s">
        <v>87</v>
      </c>
      <c r="Q14" s="15" t="s">
        <v>87</v>
      </c>
      <c r="R14" s="31" t="s">
        <v>87</v>
      </c>
    </row>
    <row r="15" spans="2:18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22" t="s">
        <v>87</v>
      </c>
      <c r="P15" s="14" t="s">
        <v>87</v>
      </c>
      <c r="Q15" s="15" t="s">
        <v>87</v>
      </c>
      <c r="R15" s="31" t="s">
        <v>87</v>
      </c>
    </row>
    <row r="16" spans="2:18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22" t="s">
        <v>87</v>
      </c>
      <c r="P16" s="14" t="s">
        <v>87</v>
      </c>
      <c r="Q16" s="15" t="s">
        <v>87</v>
      </c>
      <c r="R16" s="31" t="s">
        <v>87</v>
      </c>
    </row>
    <row r="17" spans="2:18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22" t="s">
        <v>87</v>
      </c>
      <c r="P17" s="14" t="s">
        <v>87</v>
      </c>
      <c r="Q17" s="15" t="s">
        <v>87</v>
      </c>
      <c r="R17" s="31" t="s">
        <v>87</v>
      </c>
    </row>
    <row r="18" spans="2:18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23" t="s">
        <v>87</v>
      </c>
      <c r="P18" s="19" t="s">
        <v>87</v>
      </c>
      <c r="Q18" s="20" t="s">
        <v>87</v>
      </c>
      <c r="R18" s="34" t="s">
        <v>87</v>
      </c>
    </row>
  </sheetData>
  <mergeCells count="7">
    <mergeCell ref="Q2:R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/>
  </sheetPr>
  <dimension ref="B1:T18"/>
  <sheetViews>
    <sheetView tabSelected="1" zoomScale="130" zoomScaleNormal="130" workbookViewId="0">
      <selection activeCell="E14" sqref="E14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8.88671875" customWidth="1"/>
    <col min="16" max="16" width="4.6640625" customWidth="1"/>
    <col min="17" max="17" width="11.33203125" customWidth="1"/>
    <col min="18" max="18" width="4.6640625" customWidth="1"/>
    <col min="19" max="19" width="7.5546875" bestFit="1" customWidth="1"/>
    <col min="20" max="20" width="3.88671875" style="1" bestFit="1" customWidth="1"/>
    <col min="21" max="21" width="5.5546875" customWidth="1"/>
  </cols>
  <sheetData>
    <row r="1" spans="2:20" ht="2.4" customHeight="1" thickBot="1" x14ac:dyDescent="0.35"/>
    <row r="2" spans="2:20" ht="24" thickBot="1" x14ac:dyDescent="0.5">
      <c r="B2" s="41" t="s">
        <v>382</v>
      </c>
      <c r="C2" s="42"/>
      <c r="D2" s="42"/>
      <c r="E2" s="42"/>
      <c r="F2" s="38"/>
      <c r="G2" s="39" t="s">
        <v>6</v>
      </c>
      <c r="H2" s="40"/>
      <c r="I2" s="39" t="s">
        <v>1</v>
      </c>
      <c r="J2" s="40"/>
      <c r="K2" s="39" t="s">
        <v>3</v>
      </c>
      <c r="L2" s="40"/>
      <c r="M2" s="39" t="s">
        <v>0</v>
      </c>
      <c r="N2" s="40"/>
      <c r="O2" s="39" t="s">
        <v>4</v>
      </c>
      <c r="P2" s="40"/>
      <c r="Q2" s="39" t="s">
        <v>8</v>
      </c>
      <c r="R2" s="40"/>
      <c r="S2" s="48" t="s">
        <v>13</v>
      </c>
      <c r="T2" s="49"/>
    </row>
    <row r="3" spans="2:20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6" t="s">
        <v>9</v>
      </c>
      <c r="Q3" s="35" t="s">
        <v>14</v>
      </c>
      <c r="R3" s="37" t="s">
        <v>9</v>
      </c>
      <c r="S3" s="50"/>
      <c r="T3" s="51"/>
    </row>
    <row r="4" spans="2:20" s="2" customFormat="1" ht="18" customHeight="1" x14ac:dyDescent="0.3">
      <c r="B4" s="7">
        <v>1</v>
      </c>
      <c r="C4" s="21">
        <v>476</v>
      </c>
      <c r="D4" s="24" t="s">
        <v>383</v>
      </c>
      <c r="E4" s="8" t="s">
        <v>384</v>
      </c>
      <c r="F4" s="45">
        <v>518611</v>
      </c>
      <c r="G4" s="26" t="s">
        <v>385</v>
      </c>
      <c r="H4" s="9">
        <v>536</v>
      </c>
      <c r="I4" s="27" t="s">
        <v>386</v>
      </c>
      <c r="J4" s="9">
        <v>520</v>
      </c>
      <c r="K4" s="27" t="s">
        <v>387</v>
      </c>
      <c r="L4" s="9">
        <v>437</v>
      </c>
      <c r="M4" s="27" t="s">
        <v>388</v>
      </c>
      <c r="N4" s="9">
        <v>800</v>
      </c>
      <c r="O4" s="27" t="s">
        <v>389</v>
      </c>
      <c r="P4" s="9">
        <v>471</v>
      </c>
      <c r="Q4" s="21" t="s">
        <v>390</v>
      </c>
      <c r="R4" s="9">
        <v>538</v>
      </c>
      <c r="S4" s="10">
        <v>3302</v>
      </c>
      <c r="T4" s="28" t="s">
        <v>9</v>
      </c>
    </row>
    <row r="5" spans="2:20" s="3" customFormat="1" ht="18" customHeight="1" x14ac:dyDescent="0.3">
      <c r="B5" s="11">
        <v>2</v>
      </c>
      <c r="C5" s="22">
        <v>475</v>
      </c>
      <c r="D5" s="25" t="s">
        <v>222</v>
      </c>
      <c r="E5" s="13" t="s">
        <v>391</v>
      </c>
      <c r="F5" s="46">
        <v>526801</v>
      </c>
      <c r="G5" s="29" t="s">
        <v>392</v>
      </c>
      <c r="H5" s="14">
        <v>432</v>
      </c>
      <c r="I5" s="30" t="s">
        <v>393</v>
      </c>
      <c r="J5" s="14">
        <v>476</v>
      </c>
      <c r="K5" s="30" t="s">
        <v>394</v>
      </c>
      <c r="L5" s="14">
        <v>386</v>
      </c>
      <c r="M5" s="30" t="s">
        <v>132</v>
      </c>
      <c r="N5" s="14">
        <v>672</v>
      </c>
      <c r="O5" s="30" t="s">
        <v>395</v>
      </c>
      <c r="P5" s="14">
        <v>435</v>
      </c>
      <c r="Q5" s="22" t="s">
        <v>396</v>
      </c>
      <c r="R5" s="14">
        <v>564</v>
      </c>
      <c r="S5" s="15">
        <v>2965</v>
      </c>
      <c r="T5" s="31" t="s">
        <v>9</v>
      </c>
    </row>
    <row r="6" spans="2:20" s="3" customFormat="1" ht="18" customHeight="1" x14ac:dyDescent="0.3">
      <c r="B6" s="11">
        <v>3</v>
      </c>
      <c r="C6" s="22">
        <v>478</v>
      </c>
      <c r="D6" s="25" t="s">
        <v>397</v>
      </c>
      <c r="E6" s="13" t="s">
        <v>391</v>
      </c>
      <c r="F6" s="46">
        <v>526804</v>
      </c>
      <c r="G6" s="29" t="s">
        <v>398</v>
      </c>
      <c r="H6" s="14">
        <v>459</v>
      </c>
      <c r="I6" s="30" t="s">
        <v>399</v>
      </c>
      <c r="J6" s="14">
        <v>357</v>
      </c>
      <c r="K6" s="30" t="s">
        <v>400</v>
      </c>
      <c r="L6" s="14">
        <v>501</v>
      </c>
      <c r="M6" s="30" t="s">
        <v>108</v>
      </c>
      <c r="N6" s="14">
        <v>484</v>
      </c>
      <c r="O6" s="30" t="s">
        <v>401</v>
      </c>
      <c r="P6" s="14">
        <v>621</v>
      </c>
      <c r="Q6" s="22" t="s">
        <v>75</v>
      </c>
      <c r="R6" s="14">
        <v>0</v>
      </c>
      <c r="S6" s="15">
        <v>2422</v>
      </c>
      <c r="T6" s="31" t="s">
        <v>9</v>
      </c>
    </row>
    <row r="7" spans="2:20" s="3" customFormat="1" ht="18" customHeight="1" x14ac:dyDescent="0.3">
      <c r="B7" s="11">
        <v>4</v>
      </c>
      <c r="C7" s="22">
        <v>477</v>
      </c>
      <c r="D7" s="25" t="s">
        <v>402</v>
      </c>
      <c r="E7" s="13" t="s">
        <v>403</v>
      </c>
      <c r="F7" s="46">
        <v>411036</v>
      </c>
      <c r="G7" s="29" t="s">
        <v>404</v>
      </c>
      <c r="H7" s="14">
        <v>277</v>
      </c>
      <c r="I7" s="30" t="s">
        <v>405</v>
      </c>
      <c r="J7" s="14">
        <v>272</v>
      </c>
      <c r="K7" s="30" t="s">
        <v>406</v>
      </c>
      <c r="L7" s="14">
        <v>221</v>
      </c>
      <c r="M7" s="30" t="s">
        <v>150</v>
      </c>
      <c r="N7" s="14">
        <v>278</v>
      </c>
      <c r="O7" s="30" t="s">
        <v>407</v>
      </c>
      <c r="P7" s="14">
        <v>388</v>
      </c>
      <c r="Q7" s="22" t="s">
        <v>408</v>
      </c>
      <c r="R7" s="14">
        <v>445</v>
      </c>
      <c r="S7" s="15">
        <v>1881</v>
      </c>
      <c r="T7" s="31" t="s">
        <v>9</v>
      </c>
    </row>
    <row r="8" spans="2:20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30" t="s">
        <v>87</v>
      </c>
      <c r="P8" s="14" t="s">
        <v>87</v>
      </c>
      <c r="Q8" s="22" t="s">
        <v>87</v>
      </c>
      <c r="R8" s="14" t="s">
        <v>87</v>
      </c>
      <c r="S8" s="15" t="s">
        <v>87</v>
      </c>
      <c r="T8" s="31" t="s">
        <v>87</v>
      </c>
    </row>
    <row r="9" spans="2:20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30" t="s">
        <v>87</v>
      </c>
      <c r="P9" s="14" t="s">
        <v>87</v>
      </c>
      <c r="Q9" s="22" t="s">
        <v>87</v>
      </c>
      <c r="R9" s="14" t="s">
        <v>87</v>
      </c>
      <c r="S9" s="15" t="s">
        <v>87</v>
      </c>
      <c r="T9" s="31" t="s">
        <v>87</v>
      </c>
    </row>
    <row r="10" spans="2:20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30" t="s">
        <v>87</v>
      </c>
      <c r="P10" s="14" t="s">
        <v>87</v>
      </c>
      <c r="Q10" s="22" t="s">
        <v>87</v>
      </c>
      <c r="R10" s="14" t="s">
        <v>87</v>
      </c>
      <c r="S10" s="15" t="s">
        <v>87</v>
      </c>
      <c r="T10" s="31" t="s">
        <v>87</v>
      </c>
    </row>
    <row r="11" spans="2:20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30" t="s">
        <v>87</v>
      </c>
      <c r="P11" s="14" t="s">
        <v>87</v>
      </c>
      <c r="Q11" s="22" t="s">
        <v>87</v>
      </c>
      <c r="R11" s="14" t="s">
        <v>87</v>
      </c>
      <c r="S11" s="15" t="s">
        <v>87</v>
      </c>
      <c r="T11" s="31" t="s">
        <v>87</v>
      </c>
    </row>
    <row r="12" spans="2:20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30" t="s">
        <v>87</v>
      </c>
      <c r="P12" s="14" t="s">
        <v>87</v>
      </c>
      <c r="Q12" s="22" t="s">
        <v>87</v>
      </c>
      <c r="R12" s="14" t="s">
        <v>87</v>
      </c>
      <c r="S12" s="15" t="s">
        <v>87</v>
      </c>
      <c r="T12" s="31" t="s">
        <v>87</v>
      </c>
    </row>
    <row r="13" spans="2:20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30" t="s">
        <v>87</v>
      </c>
      <c r="P13" s="14" t="s">
        <v>87</v>
      </c>
      <c r="Q13" s="22" t="s">
        <v>87</v>
      </c>
      <c r="R13" s="14" t="s">
        <v>87</v>
      </c>
      <c r="S13" s="15" t="s">
        <v>87</v>
      </c>
      <c r="T13" s="31" t="s">
        <v>87</v>
      </c>
    </row>
    <row r="14" spans="2:20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30" t="s">
        <v>87</v>
      </c>
      <c r="P14" s="14" t="s">
        <v>87</v>
      </c>
      <c r="Q14" s="22" t="s">
        <v>87</v>
      </c>
      <c r="R14" s="14" t="s">
        <v>87</v>
      </c>
      <c r="S14" s="15" t="s">
        <v>87</v>
      </c>
      <c r="T14" s="31" t="s">
        <v>87</v>
      </c>
    </row>
    <row r="15" spans="2:20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30" t="s">
        <v>87</v>
      </c>
      <c r="P15" s="14" t="s">
        <v>87</v>
      </c>
      <c r="Q15" s="22" t="s">
        <v>87</v>
      </c>
      <c r="R15" s="14" t="s">
        <v>87</v>
      </c>
      <c r="S15" s="15" t="s">
        <v>87</v>
      </c>
      <c r="T15" s="31" t="s">
        <v>87</v>
      </c>
    </row>
    <row r="16" spans="2:20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30" t="s">
        <v>87</v>
      </c>
      <c r="P16" s="14" t="s">
        <v>87</v>
      </c>
      <c r="Q16" s="22" t="s">
        <v>87</v>
      </c>
      <c r="R16" s="14" t="s">
        <v>87</v>
      </c>
      <c r="S16" s="15" t="s">
        <v>87</v>
      </c>
      <c r="T16" s="31" t="s">
        <v>87</v>
      </c>
    </row>
    <row r="17" spans="2:20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30" t="s">
        <v>87</v>
      </c>
      <c r="P17" s="14" t="s">
        <v>87</v>
      </c>
      <c r="Q17" s="22" t="s">
        <v>87</v>
      </c>
      <c r="R17" s="14" t="s">
        <v>87</v>
      </c>
      <c r="S17" s="15" t="s">
        <v>87</v>
      </c>
      <c r="T17" s="31" t="s">
        <v>87</v>
      </c>
    </row>
    <row r="18" spans="2:20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33" t="s">
        <v>87</v>
      </c>
      <c r="P18" s="19" t="s">
        <v>87</v>
      </c>
      <c r="Q18" s="23" t="s">
        <v>87</v>
      </c>
      <c r="R18" s="19" t="s">
        <v>87</v>
      </c>
      <c r="S18" s="20" t="s">
        <v>87</v>
      </c>
      <c r="T18" s="34" t="s">
        <v>87</v>
      </c>
    </row>
  </sheetData>
  <mergeCells count="8">
    <mergeCell ref="Q2:R2"/>
    <mergeCell ref="S2:T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</sheetPr>
  <dimension ref="B1:T18"/>
  <sheetViews>
    <sheetView zoomScale="130" zoomScaleNormal="130" workbookViewId="0">
      <selection activeCell="I14" sqref="I14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8.88671875" customWidth="1"/>
    <col min="16" max="16" width="4.6640625" customWidth="1"/>
    <col min="17" max="17" width="11.33203125" customWidth="1"/>
    <col min="18" max="18" width="4.6640625" customWidth="1"/>
    <col min="19" max="19" width="7.5546875" bestFit="1" customWidth="1"/>
    <col min="20" max="20" width="3.88671875" style="1" bestFit="1" customWidth="1"/>
    <col min="21" max="21" width="5.5546875" customWidth="1"/>
  </cols>
  <sheetData>
    <row r="1" spans="2:20" ht="2.4" customHeight="1" thickBot="1" x14ac:dyDescent="0.35"/>
    <row r="2" spans="2:20" ht="24" thickBot="1" x14ac:dyDescent="0.5">
      <c r="B2" s="41" t="s">
        <v>409</v>
      </c>
      <c r="C2" s="42"/>
      <c r="D2" s="42"/>
      <c r="E2" s="42"/>
      <c r="F2" s="38"/>
      <c r="G2" s="39" t="s">
        <v>6</v>
      </c>
      <c r="H2" s="40"/>
      <c r="I2" s="39" t="s">
        <v>1</v>
      </c>
      <c r="J2" s="40"/>
      <c r="K2" s="39" t="s">
        <v>3</v>
      </c>
      <c r="L2" s="40"/>
      <c r="M2" s="39" t="s">
        <v>0</v>
      </c>
      <c r="N2" s="40"/>
      <c r="O2" s="39" t="s">
        <v>4</v>
      </c>
      <c r="P2" s="40"/>
      <c r="Q2" s="39" t="s">
        <v>8</v>
      </c>
      <c r="R2" s="40"/>
      <c r="S2" s="48" t="s">
        <v>13</v>
      </c>
      <c r="T2" s="49"/>
    </row>
    <row r="3" spans="2:20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6" t="s">
        <v>9</v>
      </c>
      <c r="Q3" s="35" t="s">
        <v>14</v>
      </c>
      <c r="R3" s="37" t="s">
        <v>9</v>
      </c>
      <c r="S3" s="50"/>
      <c r="T3" s="51"/>
    </row>
    <row r="4" spans="2:20" s="2" customFormat="1" ht="18" customHeight="1" x14ac:dyDescent="0.3">
      <c r="B4" s="7">
        <v>1</v>
      </c>
      <c r="C4" s="21">
        <v>480</v>
      </c>
      <c r="D4" s="24" t="s">
        <v>410</v>
      </c>
      <c r="E4" s="8" t="s">
        <v>411</v>
      </c>
      <c r="F4" s="45">
        <v>510744</v>
      </c>
      <c r="G4" s="26" t="s">
        <v>412</v>
      </c>
      <c r="H4" s="9">
        <v>562</v>
      </c>
      <c r="I4" s="27" t="s">
        <v>413</v>
      </c>
      <c r="J4" s="9">
        <v>509</v>
      </c>
      <c r="K4" s="27" t="s">
        <v>414</v>
      </c>
      <c r="L4" s="9">
        <v>256</v>
      </c>
      <c r="M4" s="27" t="s">
        <v>415</v>
      </c>
      <c r="N4" s="9">
        <v>578</v>
      </c>
      <c r="O4" s="27" t="s">
        <v>416</v>
      </c>
      <c r="P4" s="9">
        <v>392</v>
      </c>
      <c r="Q4" s="21" t="s">
        <v>417</v>
      </c>
      <c r="R4" s="9">
        <v>543</v>
      </c>
      <c r="S4" s="10">
        <v>2840</v>
      </c>
      <c r="T4" s="28" t="s">
        <v>9</v>
      </c>
    </row>
    <row r="5" spans="2:20" s="3" customFormat="1" ht="18" customHeight="1" x14ac:dyDescent="0.3">
      <c r="B5" s="11">
        <v>2</v>
      </c>
      <c r="C5" s="22">
        <v>479</v>
      </c>
      <c r="D5" s="25" t="s">
        <v>418</v>
      </c>
      <c r="E5" s="13" t="s">
        <v>419</v>
      </c>
      <c r="F5" s="46">
        <v>323989</v>
      </c>
      <c r="G5" s="29" t="s">
        <v>420</v>
      </c>
      <c r="H5" s="14">
        <v>499</v>
      </c>
      <c r="I5" s="30" t="s">
        <v>421</v>
      </c>
      <c r="J5" s="14">
        <v>422</v>
      </c>
      <c r="K5" s="30" t="s">
        <v>107</v>
      </c>
      <c r="L5" s="14">
        <v>465</v>
      </c>
      <c r="M5" s="30" t="s">
        <v>422</v>
      </c>
      <c r="N5" s="14">
        <v>434</v>
      </c>
      <c r="O5" s="30" t="s">
        <v>423</v>
      </c>
      <c r="P5" s="14">
        <v>319</v>
      </c>
      <c r="Q5" s="22" t="s">
        <v>424</v>
      </c>
      <c r="R5" s="14">
        <v>632</v>
      </c>
      <c r="S5" s="15">
        <v>2771</v>
      </c>
      <c r="T5" s="31" t="s">
        <v>9</v>
      </c>
    </row>
    <row r="6" spans="2:20" s="3" customFormat="1" ht="18" customHeight="1" x14ac:dyDescent="0.3">
      <c r="B6" s="11">
        <v>3</v>
      </c>
      <c r="C6" s="22">
        <v>482</v>
      </c>
      <c r="D6" s="25" t="s">
        <v>425</v>
      </c>
      <c r="E6" s="13" t="s">
        <v>426</v>
      </c>
      <c r="F6" s="46">
        <v>456624</v>
      </c>
      <c r="G6" s="29" t="s">
        <v>427</v>
      </c>
      <c r="H6" s="14">
        <v>536</v>
      </c>
      <c r="I6" s="30" t="s">
        <v>428</v>
      </c>
      <c r="J6" s="14">
        <v>671</v>
      </c>
      <c r="K6" s="30" t="s">
        <v>429</v>
      </c>
      <c r="L6" s="14">
        <v>347</v>
      </c>
      <c r="M6" s="30" t="s">
        <v>430</v>
      </c>
      <c r="N6" s="14">
        <v>796</v>
      </c>
      <c r="O6" s="30" t="s">
        <v>431</v>
      </c>
      <c r="P6" s="14">
        <v>389</v>
      </c>
      <c r="Q6" s="22" t="s">
        <v>75</v>
      </c>
      <c r="R6" s="14">
        <v>0</v>
      </c>
      <c r="S6" s="15">
        <v>2739</v>
      </c>
      <c r="T6" s="31" t="s">
        <v>9</v>
      </c>
    </row>
    <row r="7" spans="2:20" s="3" customFormat="1" ht="18" customHeight="1" x14ac:dyDescent="0.3">
      <c r="B7" s="11">
        <v>4</v>
      </c>
      <c r="C7" s="22">
        <v>481</v>
      </c>
      <c r="D7" s="25" t="s">
        <v>432</v>
      </c>
      <c r="E7" s="13" t="s">
        <v>433</v>
      </c>
      <c r="F7" s="46">
        <v>906181</v>
      </c>
      <c r="G7" s="29" t="s">
        <v>434</v>
      </c>
      <c r="H7" s="14">
        <v>437</v>
      </c>
      <c r="I7" s="30" t="s">
        <v>121</v>
      </c>
      <c r="J7" s="14">
        <v>0</v>
      </c>
      <c r="K7" s="30" t="s">
        <v>435</v>
      </c>
      <c r="L7" s="14">
        <v>83</v>
      </c>
      <c r="M7" s="30" t="s">
        <v>108</v>
      </c>
      <c r="N7" s="14">
        <v>188</v>
      </c>
      <c r="O7" s="30" t="s">
        <v>121</v>
      </c>
      <c r="P7" s="14">
        <v>0</v>
      </c>
      <c r="Q7" s="22" t="s">
        <v>121</v>
      </c>
      <c r="R7" s="14">
        <v>0</v>
      </c>
      <c r="S7" s="15">
        <v>708</v>
      </c>
      <c r="T7" s="31" t="s">
        <v>9</v>
      </c>
    </row>
    <row r="8" spans="2:20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30" t="s">
        <v>87</v>
      </c>
      <c r="P8" s="14" t="s">
        <v>87</v>
      </c>
      <c r="Q8" s="22" t="s">
        <v>87</v>
      </c>
      <c r="R8" s="14" t="s">
        <v>87</v>
      </c>
      <c r="S8" s="15" t="s">
        <v>87</v>
      </c>
      <c r="T8" s="31" t="s">
        <v>87</v>
      </c>
    </row>
    <row r="9" spans="2:20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30" t="s">
        <v>87</v>
      </c>
      <c r="P9" s="14" t="s">
        <v>87</v>
      </c>
      <c r="Q9" s="22" t="s">
        <v>87</v>
      </c>
      <c r="R9" s="14" t="s">
        <v>87</v>
      </c>
      <c r="S9" s="15" t="s">
        <v>87</v>
      </c>
      <c r="T9" s="31" t="s">
        <v>87</v>
      </c>
    </row>
    <row r="10" spans="2:20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30" t="s">
        <v>87</v>
      </c>
      <c r="P10" s="14" t="s">
        <v>87</v>
      </c>
      <c r="Q10" s="22" t="s">
        <v>87</v>
      </c>
      <c r="R10" s="14" t="s">
        <v>87</v>
      </c>
      <c r="S10" s="15" t="s">
        <v>87</v>
      </c>
      <c r="T10" s="31" t="s">
        <v>87</v>
      </c>
    </row>
    <row r="11" spans="2:20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30" t="s">
        <v>87</v>
      </c>
      <c r="P11" s="14" t="s">
        <v>87</v>
      </c>
      <c r="Q11" s="22" t="s">
        <v>87</v>
      </c>
      <c r="R11" s="14" t="s">
        <v>87</v>
      </c>
      <c r="S11" s="15" t="s">
        <v>87</v>
      </c>
      <c r="T11" s="31" t="s">
        <v>87</v>
      </c>
    </row>
    <row r="12" spans="2:20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30" t="s">
        <v>87</v>
      </c>
      <c r="P12" s="14" t="s">
        <v>87</v>
      </c>
      <c r="Q12" s="22" t="s">
        <v>87</v>
      </c>
      <c r="R12" s="14" t="s">
        <v>87</v>
      </c>
      <c r="S12" s="15" t="s">
        <v>87</v>
      </c>
      <c r="T12" s="31" t="s">
        <v>87</v>
      </c>
    </row>
    <row r="13" spans="2:20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30" t="s">
        <v>87</v>
      </c>
      <c r="P13" s="14" t="s">
        <v>87</v>
      </c>
      <c r="Q13" s="22" t="s">
        <v>87</v>
      </c>
      <c r="R13" s="14" t="s">
        <v>87</v>
      </c>
      <c r="S13" s="15" t="s">
        <v>87</v>
      </c>
      <c r="T13" s="31" t="s">
        <v>87</v>
      </c>
    </row>
    <row r="14" spans="2:20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30" t="s">
        <v>87</v>
      </c>
      <c r="P14" s="14" t="s">
        <v>87</v>
      </c>
      <c r="Q14" s="22" t="s">
        <v>87</v>
      </c>
      <c r="R14" s="14" t="s">
        <v>87</v>
      </c>
      <c r="S14" s="15" t="s">
        <v>87</v>
      </c>
      <c r="T14" s="31" t="s">
        <v>87</v>
      </c>
    </row>
    <row r="15" spans="2:20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30" t="s">
        <v>87</v>
      </c>
      <c r="P15" s="14" t="s">
        <v>87</v>
      </c>
      <c r="Q15" s="22" t="s">
        <v>87</v>
      </c>
      <c r="R15" s="14" t="s">
        <v>87</v>
      </c>
      <c r="S15" s="15" t="s">
        <v>87</v>
      </c>
      <c r="T15" s="31" t="s">
        <v>87</v>
      </c>
    </row>
    <row r="16" spans="2:20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30" t="s">
        <v>87</v>
      </c>
      <c r="P16" s="14" t="s">
        <v>87</v>
      </c>
      <c r="Q16" s="22" t="s">
        <v>87</v>
      </c>
      <c r="R16" s="14" t="s">
        <v>87</v>
      </c>
      <c r="S16" s="15" t="s">
        <v>87</v>
      </c>
      <c r="T16" s="31" t="s">
        <v>87</v>
      </c>
    </row>
    <row r="17" spans="2:20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30" t="s">
        <v>87</v>
      </c>
      <c r="P17" s="14" t="s">
        <v>87</v>
      </c>
      <c r="Q17" s="22" t="s">
        <v>87</v>
      </c>
      <c r="R17" s="14" t="s">
        <v>87</v>
      </c>
      <c r="S17" s="15" t="s">
        <v>87</v>
      </c>
      <c r="T17" s="31" t="s">
        <v>87</v>
      </c>
    </row>
    <row r="18" spans="2:20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33" t="s">
        <v>87</v>
      </c>
      <c r="P18" s="19" t="s">
        <v>87</v>
      </c>
      <c r="Q18" s="23" t="s">
        <v>87</v>
      </c>
      <c r="R18" s="19" t="s">
        <v>87</v>
      </c>
      <c r="S18" s="20" t="s">
        <v>87</v>
      </c>
      <c r="T18" s="34" t="s">
        <v>87</v>
      </c>
    </row>
  </sheetData>
  <mergeCells count="8">
    <mergeCell ref="Q2:R2"/>
    <mergeCell ref="S2:T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1"/>
  </sheetPr>
  <dimension ref="B1:T18"/>
  <sheetViews>
    <sheetView zoomScale="130" zoomScaleNormal="130" workbookViewId="0">
      <selection activeCell="G4" sqref="G4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8.88671875" customWidth="1"/>
    <col min="16" max="16" width="4.6640625" customWidth="1"/>
    <col min="17" max="17" width="11.33203125" customWidth="1"/>
    <col min="18" max="18" width="4.6640625" customWidth="1"/>
    <col min="19" max="19" width="7.5546875" bestFit="1" customWidth="1"/>
    <col min="20" max="20" width="3.88671875" style="1" bestFit="1" customWidth="1"/>
    <col min="21" max="21" width="5.5546875" customWidth="1"/>
  </cols>
  <sheetData>
    <row r="1" spans="2:20" ht="2.4" customHeight="1" thickBot="1" x14ac:dyDescent="0.35"/>
    <row r="2" spans="2:20" ht="24" thickBot="1" x14ac:dyDescent="0.5">
      <c r="B2" s="41" t="s">
        <v>15</v>
      </c>
      <c r="C2" s="42"/>
      <c r="D2" s="42"/>
      <c r="E2" s="42"/>
      <c r="F2" s="38"/>
      <c r="G2" s="39" t="s">
        <v>6</v>
      </c>
      <c r="H2" s="40"/>
      <c r="I2" s="39" t="s">
        <v>1</v>
      </c>
      <c r="J2" s="40"/>
      <c r="K2" s="39" t="s">
        <v>3</v>
      </c>
      <c r="L2" s="40"/>
      <c r="M2" s="39" t="s">
        <v>0</v>
      </c>
      <c r="N2" s="40"/>
      <c r="O2" s="39" t="s">
        <v>4</v>
      </c>
      <c r="P2" s="40"/>
      <c r="Q2" s="39" t="s">
        <v>8</v>
      </c>
      <c r="R2" s="40"/>
      <c r="S2" s="48" t="s">
        <v>13</v>
      </c>
      <c r="T2" s="49"/>
    </row>
    <row r="3" spans="2:20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6" t="s">
        <v>9</v>
      </c>
      <c r="Q3" s="35" t="s">
        <v>14</v>
      </c>
      <c r="R3" s="37" t="s">
        <v>9</v>
      </c>
      <c r="S3" s="50"/>
      <c r="T3" s="51"/>
    </row>
    <row r="4" spans="2:20" s="2" customFormat="1" ht="18" customHeight="1" x14ac:dyDescent="0.3">
      <c r="B4" s="7">
        <v>1</v>
      </c>
      <c r="C4" s="21">
        <v>485</v>
      </c>
      <c r="D4" s="24" t="s">
        <v>33</v>
      </c>
      <c r="E4" s="8" t="s">
        <v>34</v>
      </c>
      <c r="F4" s="45">
        <v>756029</v>
      </c>
      <c r="G4" s="26" t="s">
        <v>76</v>
      </c>
      <c r="H4" s="9">
        <v>697</v>
      </c>
      <c r="I4" s="27" t="s">
        <v>77</v>
      </c>
      <c r="J4" s="9">
        <v>746</v>
      </c>
      <c r="K4" s="27" t="s">
        <v>78</v>
      </c>
      <c r="L4" s="9">
        <v>356</v>
      </c>
      <c r="M4" s="27" t="s">
        <v>79</v>
      </c>
      <c r="N4" s="9">
        <v>639</v>
      </c>
      <c r="O4" s="27" t="s">
        <v>80</v>
      </c>
      <c r="P4" s="9">
        <v>377</v>
      </c>
      <c r="Q4" s="21" t="s">
        <v>75</v>
      </c>
      <c r="R4" s="9">
        <v>0</v>
      </c>
      <c r="S4" s="10">
        <v>2815</v>
      </c>
      <c r="T4" s="28" t="s">
        <v>9</v>
      </c>
    </row>
    <row r="5" spans="2:20" s="3" customFormat="1" ht="18" customHeight="1" x14ac:dyDescent="0.3">
      <c r="B5" s="11">
        <v>2</v>
      </c>
      <c r="C5" s="22">
        <v>486</v>
      </c>
      <c r="D5" s="25" t="s">
        <v>35</v>
      </c>
      <c r="E5" s="13" t="s">
        <v>36</v>
      </c>
      <c r="F5" s="46">
        <v>805189</v>
      </c>
      <c r="G5" s="29" t="s">
        <v>81</v>
      </c>
      <c r="H5" s="14">
        <v>358</v>
      </c>
      <c r="I5" s="30" t="s">
        <v>82</v>
      </c>
      <c r="J5" s="14">
        <v>492</v>
      </c>
      <c r="K5" s="30" t="s">
        <v>83</v>
      </c>
      <c r="L5" s="14">
        <v>182</v>
      </c>
      <c r="M5" s="30" t="s">
        <v>84</v>
      </c>
      <c r="N5" s="14">
        <v>403</v>
      </c>
      <c r="O5" s="30" t="s">
        <v>85</v>
      </c>
      <c r="P5" s="14">
        <v>210</v>
      </c>
      <c r="Q5" s="22" t="s">
        <v>86</v>
      </c>
      <c r="R5" s="14">
        <v>334</v>
      </c>
      <c r="S5" s="15">
        <v>1979</v>
      </c>
      <c r="T5" s="31" t="s">
        <v>9</v>
      </c>
    </row>
    <row r="6" spans="2:20" s="3" customFormat="1" ht="18" customHeight="1" x14ac:dyDescent="0.3">
      <c r="B6" s="11" t="s">
        <v>87</v>
      </c>
      <c r="C6" s="22" t="s">
        <v>87</v>
      </c>
      <c r="D6" s="25" t="s">
        <v>87</v>
      </c>
      <c r="E6" s="13" t="s">
        <v>87</v>
      </c>
      <c r="F6" s="46"/>
      <c r="G6" s="29" t="s">
        <v>87</v>
      </c>
      <c r="H6" s="14" t="s">
        <v>87</v>
      </c>
      <c r="I6" s="30" t="s">
        <v>87</v>
      </c>
      <c r="J6" s="14" t="s">
        <v>87</v>
      </c>
      <c r="K6" s="30" t="s">
        <v>87</v>
      </c>
      <c r="L6" s="14" t="s">
        <v>87</v>
      </c>
      <c r="M6" s="30" t="s">
        <v>87</v>
      </c>
      <c r="N6" s="14" t="s">
        <v>87</v>
      </c>
      <c r="O6" s="30" t="s">
        <v>87</v>
      </c>
      <c r="P6" s="14" t="s">
        <v>87</v>
      </c>
      <c r="Q6" s="22" t="s">
        <v>87</v>
      </c>
      <c r="R6" s="14" t="s">
        <v>87</v>
      </c>
      <c r="S6" s="15" t="s">
        <v>87</v>
      </c>
      <c r="T6" s="31" t="s">
        <v>87</v>
      </c>
    </row>
    <row r="7" spans="2:20" s="3" customFormat="1" ht="18" customHeight="1" x14ac:dyDescent="0.3">
      <c r="B7" s="11" t="s">
        <v>87</v>
      </c>
      <c r="C7" s="22" t="s">
        <v>87</v>
      </c>
      <c r="D7" s="25" t="s">
        <v>87</v>
      </c>
      <c r="E7" s="13" t="s">
        <v>87</v>
      </c>
      <c r="F7" s="46"/>
      <c r="G7" s="29" t="s">
        <v>87</v>
      </c>
      <c r="H7" s="14" t="s">
        <v>87</v>
      </c>
      <c r="I7" s="30" t="s">
        <v>87</v>
      </c>
      <c r="J7" s="14" t="s">
        <v>87</v>
      </c>
      <c r="K7" s="30" t="s">
        <v>87</v>
      </c>
      <c r="L7" s="14" t="s">
        <v>87</v>
      </c>
      <c r="M7" s="30" t="s">
        <v>87</v>
      </c>
      <c r="N7" s="14" t="s">
        <v>87</v>
      </c>
      <c r="O7" s="30" t="s">
        <v>87</v>
      </c>
      <c r="P7" s="14" t="s">
        <v>87</v>
      </c>
      <c r="Q7" s="22" t="s">
        <v>87</v>
      </c>
      <c r="R7" s="14" t="s">
        <v>87</v>
      </c>
      <c r="S7" s="15" t="s">
        <v>87</v>
      </c>
      <c r="T7" s="31" t="s">
        <v>87</v>
      </c>
    </row>
    <row r="8" spans="2:20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30" t="s">
        <v>87</v>
      </c>
      <c r="P8" s="14" t="s">
        <v>87</v>
      </c>
      <c r="Q8" s="22" t="s">
        <v>87</v>
      </c>
      <c r="R8" s="14" t="s">
        <v>87</v>
      </c>
      <c r="S8" s="15" t="s">
        <v>87</v>
      </c>
      <c r="T8" s="31" t="s">
        <v>87</v>
      </c>
    </row>
    <row r="9" spans="2:20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30" t="s">
        <v>87</v>
      </c>
      <c r="P9" s="14" t="s">
        <v>87</v>
      </c>
      <c r="Q9" s="22" t="s">
        <v>87</v>
      </c>
      <c r="R9" s="14" t="s">
        <v>87</v>
      </c>
      <c r="S9" s="15" t="s">
        <v>87</v>
      </c>
      <c r="T9" s="31" t="s">
        <v>87</v>
      </c>
    </row>
    <row r="10" spans="2:20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30" t="s">
        <v>87</v>
      </c>
      <c r="P10" s="14" t="s">
        <v>87</v>
      </c>
      <c r="Q10" s="22" t="s">
        <v>87</v>
      </c>
      <c r="R10" s="14" t="s">
        <v>87</v>
      </c>
      <c r="S10" s="15" t="s">
        <v>87</v>
      </c>
      <c r="T10" s="31" t="s">
        <v>87</v>
      </c>
    </row>
    <row r="11" spans="2:20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30" t="s">
        <v>87</v>
      </c>
      <c r="P11" s="14" t="s">
        <v>87</v>
      </c>
      <c r="Q11" s="22" t="s">
        <v>87</v>
      </c>
      <c r="R11" s="14" t="s">
        <v>87</v>
      </c>
      <c r="S11" s="15" t="s">
        <v>87</v>
      </c>
      <c r="T11" s="31" t="s">
        <v>87</v>
      </c>
    </row>
    <row r="12" spans="2:20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30" t="s">
        <v>87</v>
      </c>
      <c r="P12" s="14" t="s">
        <v>87</v>
      </c>
      <c r="Q12" s="22" t="s">
        <v>87</v>
      </c>
      <c r="R12" s="14" t="s">
        <v>87</v>
      </c>
      <c r="S12" s="15" t="s">
        <v>87</v>
      </c>
      <c r="T12" s="31" t="s">
        <v>87</v>
      </c>
    </row>
    <row r="13" spans="2:20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30" t="s">
        <v>87</v>
      </c>
      <c r="P13" s="14" t="s">
        <v>87</v>
      </c>
      <c r="Q13" s="22" t="s">
        <v>87</v>
      </c>
      <c r="R13" s="14" t="s">
        <v>87</v>
      </c>
      <c r="S13" s="15" t="s">
        <v>87</v>
      </c>
      <c r="T13" s="31" t="s">
        <v>87</v>
      </c>
    </row>
    <row r="14" spans="2:20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30" t="s">
        <v>87</v>
      </c>
      <c r="P14" s="14" t="s">
        <v>87</v>
      </c>
      <c r="Q14" s="22" t="s">
        <v>87</v>
      </c>
      <c r="R14" s="14" t="s">
        <v>87</v>
      </c>
      <c r="S14" s="15" t="s">
        <v>87</v>
      </c>
      <c r="T14" s="31" t="s">
        <v>87</v>
      </c>
    </row>
    <row r="15" spans="2:20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30" t="s">
        <v>87</v>
      </c>
      <c r="P15" s="14" t="s">
        <v>87</v>
      </c>
      <c r="Q15" s="22" t="s">
        <v>87</v>
      </c>
      <c r="R15" s="14" t="s">
        <v>87</v>
      </c>
      <c r="S15" s="15" t="s">
        <v>87</v>
      </c>
      <c r="T15" s="31" t="s">
        <v>87</v>
      </c>
    </row>
    <row r="16" spans="2:20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30" t="s">
        <v>87</v>
      </c>
      <c r="P16" s="14" t="s">
        <v>87</v>
      </c>
      <c r="Q16" s="22" t="s">
        <v>87</v>
      </c>
      <c r="R16" s="14" t="s">
        <v>87</v>
      </c>
      <c r="S16" s="15" t="s">
        <v>87</v>
      </c>
      <c r="T16" s="31" t="s">
        <v>87</v>
      </c>
    </row>
    <row r="17" spans="2:20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30" t="s">
        <v>87</v>
      </c>
      <c r="P17" s="14" t="s">
        <v>87</v>
      </c>
      <c r="Q17" s="22" t="s">
        <v>87</v>
      </c>
      <c r="R17" s="14" t="s">
        <v>87</v>
      </c>
      <c r="S17" s="15" t="s">
        <v>87</v>
      </c>
      <c r="T17" s="31" t="s">
        <v>87</v>
      </c>
    </row>
    <row r="18" spans="2:20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33" t="s">
        <v>87</v>
      </c>
      <c r="P18" s="19" t="s">
        <v>87</v>
      </c>
      <c r="Q18" s="23" t="s">
        <v>87</v>
      </c>
      <c r="R18" s="19" t="s">
        <v>87</v>
      </c>
      <c r="S18" s="20" t="s">
        <v>87</v>
      </c>
      <c r="T18" s="34" t="s">
        <v>87</v>
      </c>
    </row>
  </sheetData>
  <mergeCells count="8">
    <mergeCell ref="Q2:R2"/>
    <mergeCell ref="S2:T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/>
  </sheetPr>
  <dimension ref="B1:T18"/>
  <sheetViews>
    <sheetView zoomScale="130" zoomScaleNormal="130" workbookViewId="0">
      <selection activeCell="B2" sqref="B2:E2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8.88671875" customWidth="1"/>
    <col min="16" max="16" width="4.6640625" customWidth="1"/>
    <col min="17" max="17" width="11.33203125" customWidth="1"/>
    <col min="18" max="18" width="4.6640625" customWidth="1"/>
    <col min="19" max="19" width="7.5546875" bestFit="1" customWidth="1"/>
    <col min="20" max="20" width="3.88671875" style="1" bestFit="1" customWidth="1"/>
    <col min="21" max="21" width="5.5546875" customWidth="1"/>
  </cols>
  <sheetData>
    <row r="1" spans="2:20" ht="2.4" customHeight="1" thickBot="1" x14ac:dyDescent="0.35"/>
    <row r="2" spans="2:20" ht="24" thickBot="1" x14ac:dyDescent="0.5">
      <c r="B2" s="41" t="s">
        <v>16</v>
      </c>
      <c r="C2" s="42"/>
      <c r="D2" s="42"/>
      <c r="E2" s="42"/>
      <c r="F2" s="38"/>
      <c r="G2" s="39" t="s">
        <v>6</v>
      </c>
      <c r="H2" s="40"/>
      <c r="I2" s="39" t="s">
        <v>1</v>
      </c>
      <c r="J2" s="40"/>
      <c r="K2" s="39" t="s">
        <v>3</v>
      </c>
      <c r="L2" s="40"/>
      <c r="M2" s="39" t="s">
        <v>0</v>
      </c>
      <c r="N2" s="40"/>
      <c r="O2" s="39" t="s">
        <v>4</v>
      </c>
      <c r="P2" s="40"/>
      <c r="Q2" s="39" t="s">
        <v>8</v>
      </c>
      <c r="R2" s="40"/>
      <c r="S2" s="48" t="s">
        <v>13</v>
      </c>
      <c r="T2" s="49"/>
    </row>
    <row r="3" spans="2:20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6" t="s">
        <v>9</v>
      </c>
      <c r="Q3" s="35" t="s">
        <v>14</v>
      </c>
      <c r="R3" s="37" t="s">
        <v>9</v>
      </c>
      <c r="S3" s="50"/>
      <c r="T3" s="51"/>
    </row>
    <row r="4" spans="2:20" s="2" customFormat="1" ht="18" customHeight="1" x14ac:dyDescent="0.3">
      <c r="B4" s="7">
        <v>1</v>
      </c>
      <c r="C4" s="21">
        <v>487</v>
      </c>
      <c r="D4" s="24" t="s">
        <v>37</v>
      </c>
      <c r="E4" s="8" t="s">
        <v>38</v>
      </c>
      <c r="F4" s="45">
        <v>650134</v>
      </c>
      <c r="G4" s="26" t="s">
        <v>88</v>
      </c>
      <c r="H4" s="9">
        <v>377</v>
      </c>
      <c r="I4" s="27" t="s">
        <v>89</v>
      </c>
      <c r="J4" s="9">
        <v>408</v>
      </c>
      <c r="K4" s="27" t="s">
        <v>90</v>
      </c>
      <c r="L4" s="9">
        <v>402</v>
      </c>
      <c r="M4" s="27" t="s">
        <v>91</v>
      </c>
      <c r="N4" s="9">
        <v>374</v>
      </c>
      <c r="O4" s="27" t="s">
        <v>92</v>
      </c>
      <c r="P4" s="9">
        <v>450</v>
      </c>
      <c r="Q4" s="21" t="s">
        <v>93</v>
      </c>
      <c r="R4" s="9">
        <v>372</v>
      </c>
      <c r="S4" s="10">
        <v>2383</v>
      </c>
      <c r="T4" s="28" t="s">
        <v>9</v>
      </c>
    </row>
    <row r="5" spans="2:20" s="3" customFormat="1" ht="18" customHeight="1" x14ac:dyDescent="0.3">
      <c r="B5" s="11">
        <v>2</v>
      </c>
      <c r="C5" s="22">
        <v>488</v>
      </c>
      <c r="D5" s="25" t="s">
        <v>39</v>
      </c>
      <c r="E5" s="13" t="s">
        <v>40</v>
      </c>
      <c r="F5" s="46">
        <v>906989</v>
      </c>
      <c r="G5" s="29" t="s">
        <v>94</v>
      </c>
      <c r="H5" s="14">
        <v>493</v>
      </c>
      <c r="I5" s="30" t="s">
        <v>95</v>
      </c>
      <c r="J5" s="14">
        <v>329</v>
      </c>
      <c r="K5" s="30" t="s">
        <v>96</v>
      </c>
      <c r="L5" s="14">
        <v>252</v>
      </c>
      <c r="M5" s="30" t="s">
        <v>79</v>
      </c>
      <c r="N5" s="14">
        <v>314</v>
      </c>
      <c r="O5" s="30" t="s">
        <v>97</v>
      </c>
      <c r="P5" s="14">
        <v>186</v>
      </c>
      <c r="Q5" s="22" t="s">
        <v>98</v>
      </c>
      <c r="R5" s="14">
        <v>601</v>
      </c>
      <c r="S5" s="15">
        <v>2175</v>
      </c>
      <c r="T5" s="31" t="s">
        <v>9</v>
      </c>
    </row>
    <row r="6" spans="2:20" s="3" customFormat="1" ht="18" customHeight="1" x14ac:dyDescent="0.3">
      <c r="B6" s="11">
        <v>3</v>
      </c>
      <c r="C6" s="22">
        <v>489</v>
      </c>
      <c r="D6" s="25" t="s">
        <v>41</v>
      </c>
      <c r="E6" s="13" t="s">
        <v>42</v>
      </c>
      <c r="F6" s="46">
        <v>659229</v>
      </c>
      <c r="G6" s="29" t="s">
        <v>99</v>
      </c>
      <c r="H6" s="14">
        <v>405</v>
      </c>
      <c r="I6" s="30" t="s">
        <v>100</v>
      </c>
      <c r="J6" s="14">
        <v>243</v>
      </c>
      <c r="K6" s="30" t="s">
        <v>101</v>
      </c>
      <c r="L6" s="14">
        <v>421</v>
      </c>
      <c r="M6" s="30" t="s">
        <v>102</v>
      </c>
      <c r="N6" s="14">
        <v>283</v>
      </c>
      <c r="O6" s="30" t="s">
        <v>103</v>
      </c>
      <c r="P6" s="14">
        <v>535</v>
      </c>
      <c r="Q6" s="22" t="s">
        <v>104</v>
      </c>
      <c r="R6" s="14">
        <v>279</v>
      </c>
      <c r="S6" s="15">
        <v>2166</v>
      </c>
      <c r="T6" s="31" t="s">
        <v>9</v>
      </c>
    </row>
    <row r="7" spans="2:20" s="3" customFormat="1" ht="18" customHeight="1" x14ac:dyDescent="0.3">
      <c r="B7" s="11" t="s">
        <v>87</v>
      </c>
      <c r="C7" s="22" t="s">
        <v>87</v>
      </c>
      <c r="D7" s="25" t="s">
        <v>87</v>
      </c>
      <c r="E7" s="13" t="s">
        <v>87</v>
      </c>
      <c r="F7" s="46"/>
      <c r="G7" s="29" t="s">
        <v>87</v>
      </c>
      <c r="H7" s="14" t="s">
        <v>87</v>
      </c>
      <c r="I7" s="30" t="s">
        <v>87</v>
      </c>
      <c r="J7" s="14" t="s">
        <v>87</v>
      </c>
      <c r="K7" s="30" t="s">
        <v>87</v>
      </c>
      <c r="L7" s="14" t="s">
        <v>87</v>
      </c>
      <c r="M7" s="30" t="s">
        <v>87</v>
      </c>
      <c r="N7" s="14" t="s">
        <v>87</v>
      </c>
      <c r="O7" s="30" t="s">
        <v>87</v>
      </c>
      <c r="P7" s="14" t="s">
        <v>87</v>
      </c>
      <c r="Q7" s="22" t="s">
        <v>87</v>
      </c>
      <c r="R7" s="14" t="s">
        <v>87</v>
      </c>
      <c r="S7" s="15" t="s">
        <v>87</v>
      </c>
      <c r="T7" s="31" t="s">
        <v>87</v>
      </c>
    </row>
    <row r="8" spans="2:20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30" t="s">
        <v>87</v>
      </c>
      <c r="P8" s="14" t="s">
        <v>87</v>
      </c>
      <c r="Q8" s="22" t="s">
        <v>87</v>
      </c>
      <c r="R8" s="14" t="s">
        <v>87</v>
      </c>
      <c r="S8" s="15" t="s">
        <v>87</v>
      </c>
      <c r="T8" s="31" t="s">
        <v>87</v>
      </c>
    </row>
    <row r="9" spans="2:20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30" t="s">
        <v>87</v>
      </c>
      <c r="P9" s="14" t="s">
        <v>87</v>
      </c>
      <c r="Q9" s="22" t="s">
        <v>87</v>
      </c>
      <c r="R9" s="14" t="s">
        <v>87</v>
      </c>
      <c r="S9" s="15" t="s">
        <v>87</v>
      </c>
      <c r="T9" s="31" t="s">
        <v>87</v>
      </c>
    </row>
    <row r="10" spans="2:20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30" t="s">
        <v>87</v>
      </c>
      <c r="P10" s="14" t="s">
        <v>87</v>
      </c>
      <c r="Q10" s="22" t="s">
        <v>87</v>
      </c>
      <c r="R10" s="14" t="s">
        <v>87</v>
      </c>
      <c r="S10" s="15" t="s">
        <v>87</v>
      </c>
      <c r="T10" s="31" t="s">
        <v>87</v>
      </c>
    </row>
    <row r="11" spans="2:20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30" t="s">
        <v>87</v>
      </c>
      <c r="P11" s="14" t="s">
        <v>87</v>
      </c>
      <c r="Q11" s="22" t="s">
        <v>87</v>
      </c>
      <c r="R11" s="14" t="s">
        <v>87</v>
      </c>
      <c r="S11" s="15" t="s">
        <v>87</v>
      </c>
      <c r="T11" s="31" t="s">
        <v>87</v>
      </c>
    </row>
    <row r="12" spans="2:20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30" t="s">
        <v>87</v>
      </c>
      <c r="P12" s="14" t="s">
        <v>87</v>
      </c>
      <c r="Q12" s="22" t="s">
        <v>87</v>
      </c>
      <c r="R12" s="14" t="s">
        <v>87</v>
      </c>
      <c r="S12" s="15" t="s">
        <v>87</v>
      </c>
      <c r="T12" s="31" t="s">
        <v>87</v>
      </c>
    </row>
    <row r="13" spans="2:20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30" t="s">
        <v>87</v>
      </c>
      <c r="P13" s="14" t="s">
        <v>87</v>
      </c>
      <c r="Q13" s="22" t="s">
        <v>87</v>
      </c>
      <c r="R13" s="14" t="s">
        <v>87</v>
      </c>
      <c r="S13" s="15" t="s">
        <v>87</v>
      </c>
      <c r="T13" s="31" t="s">
        <v>87</v>
      </c>
    </row>
    <row r="14" spans="2:20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30" t="s">
        <v>87</v>
      </c>
      <c r="P14" s="14" t="s">
        <v>87</v>
      </c>
      <c r="Q14" s="22" t="s">
        <v>87</v>
      </c>
      <c r="R14" s="14" t="s">
        <v>87</v>
      </c>
      <c r="S14" s="15" t="s">
        <v>87</v>
      </c>
      <c r="T14" s="31" t="s">
        <v>87</v>
      </c>
    </row>
    <row r="15" spans="2:20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30" t="s">
        <v>87</v>
      </c>
      <c r="P15" s="14" t="s">
        <v>87</v>
      </c>
      <c r="Q15" s="22" t="s">
        <v>87</v>
      </c>
      <c r="R15" s="14" t="s">
        <v>87</v>
      </c>
      <c r="S15" s="15" t="s">
        <v>87</v>
      </c>
      <c r="T15" s="31" t="s">
        <v>87</v>
      </c>
    </row>
    <row r="16" spans="2:20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30" t="s">
        <v>87</v>
      </c>
      <c r="P16" s="14" t="s">
        <v>87</v>
      </c>
      <c r="Q16" s="22" t="s">
        <v>87</v>
      </c>
      <c r="R16" s="14" t="s">
        <v>87</v>
      </c>
      <c r="S16" s="15" t="s">
        <v>87</v>
      </c>
      <c r="T16" s="31" t="s">
        <v>87</v>
      </c>
    </row>
    <row r="17" spans="2:20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30" t="s">
        <v>87</v>
      </c>
      <c r="P17" s="14" t="s">
        <v>87</v>
      </c>
      <c r="Q17" s="22" t="s">
        <v>87</v>
      </c>
      <c r="R17" s="14" t="s">
        <v>87</v>
      </c>
      <c r="S17" s="15" t="s">
        <v>87</v>
      </c>
      <c r="T17" s="31" t="s">
        <v>87</v>
      </c>
    </row>
    <row r="18" spans="2:20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33" t="s">
        <v>87</v>
      </c>
      <c r="P18" s="19" t="s">
        <v>87</v>
      </c>
      <c r="Q18" s="23" t="s">
        <v>87</v>
      </c>
      <c r="R18" s="19" t="s">
        <v>87</v>
      </c>
      <c r="S18" s="20" t="s">
        <v>87</v>
      </c>
      <c r="T18" s="34" t="s">
        <v>87</v>
      </c>
    </row>
  </sheetData>
  <mergeCells count="8">
    <mergeCell ref="Q2:R2"/>
    <mergeCell ref="S2:T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/>
  </sheetPr>
  <dimension ref="B1:T18"/>
  <sheetViews>
    <sheetView zoomScale="130" zoomScaleNormal="130" workbookViewId="0">
      <selection activeCell="H10" sqref="H10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8.88671875" customWidth="1"/>
    <col min="16" max="16" width="4.6640625" customWidth="1"/>
    <col min="17" max="17" width="11.33203125" customWidth="1"/>
    <col min="18" max="18" width="4.6640625" customWidth="1"/>
    <col min="19" max="19" width="7.5546875" bestFit="1" customWidth="1"/>
    <col min="20" max="20" width="3.88671875" style="1" bestFit="1" customWidth="1"/>
    <col min="21" max="21" width="5.5546875" customWidth="1"/>
  </cols>
  <sheetData>
    <row r="1" spans="2:20" ht="2.4" customHeight="1" thickBot="1" x14ac:dyDescent="0.35"/>
    <row r="2" spans="2:20" ht="24" thickBot="1" x14ac:dyDescent="0.5">
      <c r="B2" s="41" t="s">
        <v>17</v>
      </c>
      <c r="C2" s="42"/>
      <c r="D2" s="42"/>
      <c r="E2" s="42"/>
      <c r="F2" s="38"/>
      <c r="G2" s="39" t="s">
        <v>6</v>
      </c>
      <c r="H2" s="40"/>
      <c r="I2" s="39" t="s">
        <v>1</v>
      </c>
      <c r="J2" s="40"/>
      <c r="K2" s="39" t="s">
        <v>3</v>
      </c>
      <c r="L2" s="40"/>
      <c r="M2" s="39" t="s">
        <v>0</v>
      </c>
      <c r="N2" s="40"/>
      <c r="O2" s="39" t="s">
        <v>4</v>
      </c>
      <c r="P2" s="40"/>
      <c r="Q2" s="39" t="s">
        <v>8</v>
      </c>
      <c r="R2" s="40"/>
      <c r="S2" s="48" t="s">
        <v>13</v>
      </c>
      <c r="T2" s="49"/>
    </row>
    <row r="3" spans="2:20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6" t="s">
        <v>9</v>
      </c>
      <c r="Q3" s="35" t="s">
        <v>14</v>
      </c>
      <c r="R3" s="37" t="s">
        <v>9</v>
      </c>
      <c r="S3" s="50"/>
      <c r="T3" s="51"/>
    </row>
    <row r="4" spans="2:20" s="2" customFormat="1" ht="18" customHeight="1" x14ac:dyDescent="0.3">
      <c r="B4" s="7">
        <v>1</v>
      </c>
      <c r="C4" s="21">
        <v>491</v>
      </c>
      <c r="D4" s="24" t="s">
        <v>25</v>
      </c>
      <c r="E4" s="8" t="s">
        <v>26</v>
      </c>
      <c r="F4" s="45">
        <v>741731</v>
      </c>
      <c r="G4" s="26" t="s">
        <v>105</v>
      </c>
      <c r="H4" s="9">
        <v>360</v>
      </c>
      <c r="I4" s="27" t="s">
        <v>106</v>
      </c>
      <c r="J4" s="9">
        <v>321</v>
      </c>
      <c r="K4" s="27" t="s">
        <v>107</v>
      </c>
      <c r="L4" s="9">
        <v>536</v>
      </c>
      <c r="M4" s="27" t="s">
        <v>108</v>
      </c>
      <c r="N4" s="9">
        <v>484</v>
      </c>
      <c r="O4" s="27" t="s">
        <v>109</v>
      </c>
      <c r="P4" s="9">
        <v>601</v>
      </c>
      <c r="Q4" s="21" t="s">
        <v>110</v>
      </c>
      <c r="R4" s="9">
        <v>326</v>
      </c>
      <c r="S4" s="10">
        <v>2628</v>
      </c>
      <c r="T4" s="28" t="s">
        <v>9</v>
      </c>
    </row>
    <row r="5" spans="2:20" s="3" customFormat="1" ht="18" customHeight="1" x14ac:dyDescent="0.3">
      <c r="B5" s="11">
        <v>2</v>
      </c>
      <c r="C5" s="22">
        <v>490</v>
      </c>
      <c r="D5" s="25" t="s">
        <v>23</v>
      </c>
      <c r="E5" s="13" t="s">
        <v>24</v>
      </c>
      <c r="F5" s="46">
        <v>813435</v>
      </c>
      <c r="G5" s="29" t="s">
        <v>111</v>
      </c>
      <c r="H5" s="14">
        <v>494</v>
      </c>
      <c r="I5" s="30" t="s">
        <v>112</v>
      </c>
      <c r="J5" s="14">
        <v>292</v>
      </c>
      <c r="K5" s="30" t="s">
        <v>113</v>
      </c>
      <c r="L5" s="14">
        <v>265</v>
      </c>
      <c r="M5" s="30" t="s">
        <v>114</v>
      </c>
      <c r="N5" s="14">
        <v>320</v>
      </c>
      <c r="O5" s="30" t="s">
        <v>115</v>
      </c>
      <c r="P5" s="14">
        <v>346</v>
      </c>
      <c r="Q5" s="22" t="s">
        <v>116</v>
      </c>
      <c r="R5" s="14">
        <v>544</v>
      </c>
      <c r="S5" s="15">
        <v>2261</v>
      </c>
      <c r="T5" s="31" t="s">
        <v>9</v>
      </c>
    </row>
    <row r="6" spans="2:20" s="3" customFormat="1" ht="18" customHeight="1" x14ac:dyDescent="0.3">
      <c r="B6" s="11">
        <v>3</v>
      </c>
      <c r="C6" s="22">
        <v>492</v>
      </c>
      <c r="D6" s="25" t="s">
        <v>27</v>
      </c>
      <c r="E6" s="13" t="s">
        <v>28</v>
      </c>
      <c r="F6" s="46">
        <v>884871</v>
      </c>
      <c r="G6" s="29" t="s">
        <v>117</v>
      </c>
      <c r="H6" s="14">
        <v>351</v>
      </c>
      <c r="I6" s="30" t="s">
        <v>118</v>
      </c>
      <c r="J6" s="14">
        <v>486</v>
      </c>
      <c r="K6" s="30" t="s">
        <v>119</v>
      </c>
      <c r="L6" s="14">
        <v>263</v>
      </c>
      <c r="M6" s="30" t="s">
        <v>91</v>
      </c>
      <c r="N6" s="14">
        <v>704</v>
      </c>
      <c r="O6" s="30" t="s">
        <v>120</v>
      </c>
      <c r="P6" s="14">
        <v>323</v>
      </c>
      <c r="Q6" s="22" t="s">
        <v>75</v>
      </c>
      <c r="R6" s="14">
        <v>0</v>
      </c>
      <c r="S6" s="15">
        <v>2127</v>
      </c>
      <c r="T6" s="31" t="s">
        <v>9</v>
      </c>
    </row>
    <row r="7" spans="2:20" s="3" customFormat="1" ht="18" customHeight="1" x14ac:dyDescent="0.3">
      <c r="B7" s="11">
        <v>4</v>
      </c>
      <c r="C7" s="22">
        <v>493</v>
      </c>
      <c r="D7" s="25" t="s">
        <v>29</v>
      </c>
      <c r="E7" s="13" t="s">
        <v>30</v>
      </c>
      <c r="F7" s="46">
        <v>676727</v>
      </c>
      <c r="G7" s="29" t="s">
        <v>121</v>
      </c>
      <c r="H7" s="14">
        <v>0</v>
      </c>
      <c r="I7" s="30" t="s">
        <v>121</v>
      </c>
      <c r="J7" s="14">
        <v>0</v>
      </c>
      <c r="K7" s="30" t="s">
        <v>121</v>
      </c>
      <c r="L7" s="14">
        <v>0</v>
      </c>
      <c r="M7" s="30" t="s">
        <v>121</v>
      </c>
      <c r="N7" s="14">
        <v>0</v>
      </c>
      <c r="O7" s="30" t="s">
        <v>122</v>
      </c>
      <c r="P7" s="14">
        <v>624</v>
      </c>
      <c r="Q7" s="22" t="s">
        <v>123</v>
      </c>
      <c r="R7" s="14">
        <v>347</v>
      </c>
      <c r="S7" s="15">
        <v>971</v>
      </c>
      <c r="T7" s="31" t="s">
        <v>9</v>
      </c>
    </row>
    <row r="8" spans="2:20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30" t="s">
        <v>87</v>
      </c>
      <c r="P8" s="14" t="s">
        <v>87</v>
      </c>
      <c r="Q8" s="22" t="s">
        <v>87</v>
      </c>
      <c r="R8" s="14" t="s">
        <v>87</v>
      </c>
      <c r="S8" s="15" t="s">
        <v>87</v>
      </c>
      <c r="T8" s="31" t="s">
        <v>87</v>
      </c>
    </row>
    <row r="9" spans="2:20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30" t="s">
        <v>87</v>
      </c>
      <c r="P9" s="14" t="s">
        <v>87</v>
      </c>
      <c r="Q9" s="22" t="s">
        <v>87</v>
      </c>
      <c r="R9" s="14" t="s">
        <v>87</v>
      </c>
      <c r="S9" s="15" t="s">
        <v>87</v>
      </c>
      <c r="T9" s="31" t="s">
        <v>87</v>
      </c>
    </row>
    <row r="10" spans="2:20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30" t="s">
        <v>87</v>
      </c>
      <c r="P10" s="14" t="s">
        <v>87</v>
      </c>
      <c r="Q10" s="22" t="s">
        <v>87</v>
      </c>
      <c r="R10" s="14" t="s">
        <v>87</v>
      </c>
      <c r="S10" s="15" t="s">
        <v>87</v>
      </c>
      <c r="T10" s="31" t="s">
        <v>87</v>
      </c>
    </row>
    <row r="11" spans="2:20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30" t="s">
        <v>87</v>
      </c>
      <c r="P11" s="14" t="s">
        <v>87</v>
      </c>
      <c r="Q11" s="22" t="s">
        <v>87</v>
      </c>
      <c r="R11" s="14" t="s">
        <v>87</v>
      </c>
      <c r="S11" s="15" t="s">
        <v>87</v>
      </c>
      <c r="T11" s="31" t="s">
        <v>87</v>
      </c>
    </row>
    <row r="12" spans="2:20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30" t="s">
        <v>87</v>
      </c>
      <c r="P12" s="14" t="s">
        <v>87</v>
      </c>
      <c r="Q12" s="22" t="s">
        <v>87</v>
      </c>
      <c r="R12" s="14" t="s">
        <v>87</v>
      </c>
      <c r="S12" s="15" t="s">
        <v>87</v>
      </c>
      <c r="T12" s="31" t="s">
        <v>87</v>
      </c>
    </row>
    <row r="13" spans="2:20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30" t="s">
        <v>87</v>
      </c>
      <c r="P13" s="14" t="s">
        <v>87</v>
      </c>
      <c r="Q13" s="22" t="s">
        <v>87</v>
      </c>
      <c r="R13" s="14" t="s">
        <v>87</v>
      </c>
      <c r="S13" s="15" t="s">
        <v>87</v>
      </c>
      <c r="T13" s="31" t="s">
        <v>87</v>
      </c>
    </row>
    <row r="14" spans="2:20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30" t="s">
        <v>87</v>
      </c>
      <c r="P14" s="14" t="s">
        <v>87</v>
      </c>
      <c r="Q14" s="22" t="s">
        <v>87</v>
      </c>
      <c r="R14" s="14" t="s">
        <v>87</v>
      </c>
      <c r="S14" s="15" t="s">
        <v>87</v>
      </c>
      <c r="T14" s="31" t="s">
        <v>87</v>
      </c>
    </row>
    <row r="15" spans="2:20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30" t="s">
        <v>87</v>
      </c>
      <c r="P15" s="14" t="s">
        <v>87</v>
      </c>
      <c r="Q15" s="22" t="s">
        <v>87</v>
      </c>
      <c r="R15" s="14" t="s">
        <v>87</v>
      </c>
      <c r="S15" s="15" t="s">
        <v>87</v>
      </c>
      <c r="T15" s="31" t="s">
        <v>87</v>
      </c>
    </row>
    <row r="16" spans="2:20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30" t="s">
        <v>87</v>
      </c>
      <c r="P16" s="14" t="s">
        <v>87</v>
      </c>
      <c r="Q16" s="22" t="s">
        <v>87</v>
      </c>
      <c r="R16" s="14" t="s">
        <v>87</v>
      </c>
      <c r="S16" s="15" t="s">
        <v>87</v>
      </c>
      <c r="T16" s="31" t="s">
        <v>87</v>
      </c>
    </row>
    <row r="17" spans="2:20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30" t="s">
        <v>87</v>
      </c>
      <c r="P17" s="14" t="s">
        <v>87</v>
      </c>
      <c r="Q17" s="22" t="s">
        <v>87</v>
      </c>
      <c r="R17" s="14" t="s">
        <v>87</v>
      </c>
      <c r="S17" s="15" t="s">
        <v>87</v>
      </c>
      <c r="T17" s="31" t="s">
        <v>87</v>
      </c>
    </row>
    <row r="18" spans="2:20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33" t="s">
        <v>87</v>
      </c>
      <c r="P18" s="19" t="s">
        <v>87</v>
      </c>
      <c r="Q18" s="23" t="s">
        <v>87</v>
      </c>
      <c r="R18" s="19" t="s">
        <v>87</v>
      </c>
      <c r="S18" s="20" t="s">
        <v>87</v>
      </c>
      <c r="T18" s="34" t="s">
        <v>87</v>
      </c>
    </row>
  </sheetData>
  <mergeCells count="8">
    <mergeCell ref="Q2:R2"/>
    <mergeCell ref="S2:T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</sheetPr>
  <dimension ref="B1:T18"/>
  <sheetViews>
    <sheetView zoomScale="130" zoomScaleNormal="130" workbookViewId="0">
      <selection activeCell="N11" sqref="N11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8.88671875" customWidth="1"/>
    <col min="16" max="16" width="4.6640625" customWidth="1"/>
    <col min="17" max="17" width="11.33203125" customWidth="1"/>
    <col min="18" max="18" width="4.6640625" customWidth="1"/>
    <col min="19" max="19" width="7.5546875" bestFit="1" customWidth="1"/>
    <col min="20" max="20" width="3.88671875" style="1" bestFit="1" customWidth="1"/>
    <col min="21" max="21" width="5.5546875" customWidth="1"/>
  </cols>
  <sheetData>
    <row r="1" spans="2:20" ht="2.4" customHeight="1" thickBot="1" x14ac:dyDescent="0.35"/>
    <row r="2" spans="2:20" ht="24" thickBot="1" x14ac:dyDescent="0.5">
      <c r="B2" s="41" t="s">
        <v>18</v>
      </c>
      <c r="C2" s="42"/>
      <c r="D2" s="42"/>
      <c r="E2" s="42"/>
      <c r="F2" s="38"/>
      <c r="G2" s="39" t="s">
        <v>6</v>
      </c>
      <c r="H2" s="40"/>
      <c r="I2" s="39" t="s">
        <v>1</v>
      </c>
      <c r="J2" s="40"/>
      <c r="K2" s="39" t="s">
        <v>3</v>
      </c>
      <c r="L2" s="40"/>
      <c r="M2" s="39" t="s">
        <v>0</v>
      </c>
      <c r="N2" s="40"/>
      <c r="O2" s="39" t="s">
        <v>4</v>
      </c>
      <c r="P2" s="40"/>
      <c r="Q2" s="39" t="s">
        <v>8</v>
      </c>
      <c r="R2" s="40"/>
      <c r="S2" s="48" t="s">
        <v>13</v>
      </c>
      <c r="T2" s="49"/>
    </row>
    <row r="3" spans="2:20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6" t="s">
        <v>9</v>
      </c>
      <c r="Q3" s="35" t="s">
        <v>14</v>
      </c>
      <c r="R3" s="37" t="s">
        <v>9</v>
      </c>
      <c r="S3" s="50"/>
      <c r="T3" s="51"/>
    </row>
    <row r="4" spans="2:20" s="2" customFormat="1" ht="18" customHeight="1" x14ac:dyDescent="0.3">
      <c r="B4" s="7">
        <v>1</v>
      </c>
      <c r="C4" s="21">
        <v>494</v>
      </c>
      <c r="D4" s="24" t="s">
        <v>31</v>
      </c>
      <c r="E4" s="8" t="s">
        <v>32</v>
      </c>
      <c r="F4" s="45">
        <v>684523</v>
      </c>
      <c r="G4" s="26" t="s">
        <v>124</v>
      </c>
      <c r="H4" s="9">
        <v>372</v>
      </c>
      <c r="I4" s="27" t="s">
        <v>125</v>
      </c>
      <c r="J4" s="9">
        <v>299</v>
      </c>
      <c r="K4" s="27" t="s">
        <v>126</v>
      </c>
      <c r="L4" s="9">
        <v>111</v>
      </c>
      <c r="M4" s="27" t="s">
        <v>127</v>
      </c>
      <c r="N4" s="9">
        <v>404</v>
      </c>
      <c r="O4" s="27" t="s">
        <v>128</v>
      </c>
      <c r="P4" s="9">
        <v>117</v>
      </c>
      <c r="Q4" s="21" t="s">
        <v>129</v>
      </c>
      <c r="R4" s="9">
        <v>310</v>
      </c>
      <c r="S4" s="10">
        <v>1613</v>
      </c>
      <c r="T4" s="28" t="s">
        <v>9</v>
      </c>
    </row>
    <row r="5" spans="2:20" s="3" customFormat="1" ht="18" customHeight="1" x14ac:dyDescent="0.3">
      <c r="B5" s="11" t="s">
        <v>87</v>
      </c>
      <c r="C5" s="22" t="s">
        <v>87</v>
      </c>
      <c r="D5" s="25" t="s">
        <v>87</v>
      </c>
      <c r="E5" s="13" t="s">
        <v>87</v>
      </c>
      <c r="F5" s="46"/>
      <c r="G5" s="29" t="s">
        <v>87</v>
      </c>
      <c r="H5" s="14" t="s">
        <v>87</v>
      </c>
      <c r="I5" s="30" t="s">
        <v>87</v>
      </c>
      <c r="J5" s="14" t="s">
        <v>87</v>
      </c>
      <c r="K5" s="30" t="s">
        <v>87</v>
      </c>
      <c r="L5" s="14" t="s">
        <v>87</v>
      </c>
      <c r="M5" s="30" t="s">
        <v>87</v>
      </c>
      <c r="N5" s="14" t="s">
        <v>87</v>
      </c>
      <c r="O5" s="30" t="s">
        <v>87</v>
      </c>
      <c r="P5" s="14" t="s">
        <v>87</v>
      </c>
      <c r="Q5" s="22" t="s">
        <v>87</v>
      </c>
      <c r="R5" s="14" t="s">
        <v>87</v>
      </c>
      <c r="S5" s="15" t="s">
        <v>87</v>
      </c>
      <c r="T5" s="31" t="s">
        <v>87</v>
      </c>
    </row>
    <row r="6" spans="2:20" s="3" customFormat="1" ht="18" customHeight="1" x14ac:dyDescent="0.3">
      <c r="B6" s="11" t="s">
        <v>87</v>
      </c>
      <c r="C6" s="22" t="s">
        <v>87</v>
      </c>
      <c r="D6" s="25" t="s">
        <v>87</v>
      </c>
      <c r="E6" s="13" t="s">
        <v>87</v>
      </c>
      <c r="F6" s="46"/>
      <c r="G6" s="29" t="s">
        <v>87</v>
      </c>
      <c r="H6" s="14" t="s">
        <v>87</v>
      </c>
      <c r="I6" s="30" t="s">
        <v>87</v>
      </c>
      <c r="J6" s="14" t="s">
        <v>87</v>
      </c>
      <c r="K6" s="30" t="s">
        <v>87</v>
      </c>
      <c r="L6" s="14" t="s">
        <v>87</v>
      </c>
      <c r="M6" s="30" t="s">
        <v>87</v>
      </c>
      <c r="N6" s="14" t="s">
        <v>87</v>
      </c>
      <c r="O6" s="30" t="s">
        <v>87</v>
      </c>
      <c r="P6" s="14" t="s">
        <v>87</v>
      </c>
      <c r="Q6" s="22" t="s">
        <v>87</v>
      </c>
      <c r="R6" s="14" t="s">
        <v>87</v>
      </c>
      <c r="S6" s="15" t="s">
        <v>87</v>
      </c>
      <c r="T6" s="31" t="s">
        <v>87</v>
      </c>
    </row>
    <row r="7" spans="2:20" s="3" customFormat="1" ht="18" customHeight="1" x14ac:dyDescent="0.3">
      <c r="B7" s="11" t="s">
        <v>87</v>
      </c>
      <c r="C7" s="22" t="s">
        <v>87</v>
      </c>
      <c r="D7" s="25" t="s">
        <v>87</v>
      </c>
      <c r="E7" s="13" t="s">
        <v>87</v>
      </c>
      <c r="F7" s="46"/>
      <c r="G7" s="29" t="s">
        <v>87</v>
      </c>
      <c r="H7" s="14" t="s">
        <v>87</v>
      </c>
      <c r="I7" s="30" t="s">
        <v>87</v>
      </c>
      <c r="J7" s="14" t="s">
        <v>87</v>
      </c>
      <c r="K7" s="30" t="s">
        <v>87</v>
      </c>
      <c r="L7" s="14" t="s">
        <v>87</v>
      </c>
      <c r="M7" s="30" t="s">
        <v>87</v>
      </c>
      <c r="N7" s="14" t="s">
        <v>87</v>
      </c>
      <c r="O7" s="30" t="s">
        <v>87</v>
      </c>
      <c r="P7" s="14" t="s">
        <v>87</v>
      </c>
      <c r="Q7" s="22" t="s">
        <v>87</v>
      </c>
      <c r="R7" s="14" t="s">
        <v>87</v>
      </c>
      <c r="S7" s="15" t="s">
        <v>87</v>
      </c>
      <c r="T7" s="31" t="s">
        <v>87</v>
      </c>
    </row>
    <row r="8" spans="2:20" s="3" customFormat="1" ht="18" customHeight="1" x14ac:dyDescent="0.3">
      <c r="B8" s="11" t="s">
        <v>87</v>
      </c>
      <c r="C8" s="22" t="s">
        <v>87</v>
      </c>
      <c r="D8" s="25" t="s">
        <v>87</v>
      </c>
      <c r="E8" s="13" t="s">
        <v>87</v>
      </c>
      <c r="F8" s="46"/>
      <c r="G8" s="29" t="s">
        <v>87</v>
      </c>
      <c r="H8" s="14" t="s">
        <v>87</v>
      </c>
      <c r="I8" s="30" t="s">
        <v>87</v>
      </c>
      <c r="J8" s="14" t="s">
        <v>87</v>
      </c>
      <c r="K8" s="30" t="s">
        <v>87</v>
      </c>
      <c r="L8" s="14" t="s">
        <v>87</v>
      </c>
      <c r="M8" s="30" t="s">
        <v>87</v>
      </c>
      <c r="N8" s="14" t="s">
        <v>87</v>
      </c>
      <c r="O8" s="30" t="s">
        <v>87</v>
      </c>
      <c r="P8" s="14" t="s">
        <v>87</v>
      </c>
      <c r="Q8" s="22" t="s">
        <v>87</v>
      </c>
      <c r="R8" s="14" t="s">
        <v>87</v>
      </c>
      <c r="S8" s="15" t="s">
        <v>87</v>
      </c>
      <c r="T8" s="31" t="s">
        <v>87</v>
      </c>
    </row>
    <row r="9" spans="2:20" s="3" customFormat="1" ht="18" customHeight="1" x14ac:dyDescent="0.3">
      <c r="B9" s="11" t="s">
        <v>87</v>
      </c>
      <c r="C9" s="22" t="s">
        <v>87</v>
      </c>
      <c r="D9" s="25" t="s">
        <v>87</v>
      </c>
      <c r="E9" s="13" t="s">
        <v>87</v>
      </c>
      <c r="F9" s="46"/>
      <c r="G9" s="29" t="s">
        <v>87</v>
      </c>
      <c r="H9" s="14" t="s">
        <v>87</v>
      </c>
      <c r="I9" s="30" t="s">
        <v>87</v>
      </c>
      <c r="J9" s="14" t="s">
        <v>87</v>
      </c>
      <c r="K9" s="30" t="s">
        <v>87</v>
      </c>
      <c r="L9" s="14" t="s">
        <v>87</v>
      </c>
      <c r="M9" s="30" t="s">
        <v>87</v>
      </c>
      <c r="N9" s="14" t="s">
        <v>87</v>
      </c>
      <c r="O9" s="30" t="s">
        <v>87</v>
      </c>
      <c r="P9" s="14" t="s">
        <v>87</v>
      </c>
      <c r="Q9" s="22" t="s">
        <v>87</v>
      </c>
      <c r="R9" s="14" t="s">
        <v>87</v>
      </c>
      <c r="S9" s="15" t="s">
        <v>87</v>
      </c>
      <c r="T9" s="31" t="s">
        <v>87</v>
      </c>
    </row>
    <row r="10" spans="2:20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30" t="s">
        <v>87</v>
      </c>
      <c r="P10" s="14" t="s">
        <v>87</v>
      </c>
      <c r="Q10" s="22" t="s">
        <v>87</v>
      </c>
      <c r="R10" s="14" t="s">
        <v>87</v>
      </c>
      <c r="S10" s="15" t="s">
        <v>87</v>
      </c>
      <c r="T10" s="31" t="s">
        <v>87</v>
      </c>
    </row>
    <row r="11" spans="2:20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30" t="s">
        <v>87</v>
      </c>
      <c r="P11" s="14" t="s">
        <v>87</v>
      </c>
      <c r="Q11" s="22" t="s">
        <v>87</v>
      </c>
      <c r="R11" s="14" t="s">
        <v>87</v>
      </c>
      <c r="S11" s="15" t="s">
        <v>87</v>
      </c>
      <c r="T11" s="31" t="s">
        <v>87</v>
      </c>
    </row>
    <row r="12" spans="2:20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30" t="s">
        <v>87</v>
      </c>
      <c r="P12" s="14" t="s">
        <v>87</v>
      </c>
      <c r="Q12" s="22" t="s">
        <v>87</v>
      </c>
      <c r="R12" s="14" t="s">
        <v>87</v>
      </c>
      <c r="S12" s="15" t="s">
        <v>87</v>
      </c>
      <c r="T12" s="31" t="s">
        <v>87</v>
      </c>
    </row>
    <row r="13" spans="2:20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30" t="s">
        <v>87</v>
      </c>
      <c r="P13" s="14" t="s">
        <v>87</v>
      </c>
      <c r="Q13" s="22" t="s">
        <v>87</v>
      </c>
      <c r="R13" s="14" t="s">
        <v>87</v>
      </c>
      <c r="S13" s="15" t="s">
        <v>87</v>
      </c>
      <c r="T13" s="31" t="s">
        <v>87</v>
      </c>
    </row>
    <row r="14" spans="2:20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30" t="s">
        <v>87</v>
      </c>
      <c r="P14" s="14" t="s">
        <v>87</v>
      </c>
      <c r="Q14" s="22" t="s">
        <v>87</v>
      </c>
      <c r="R14" s="14" t="s">
        <v>87</v>
      </c>
      <c r="S14" s="15" t="s">
        <v>87</v>
      </c>
      <c r="T14" s="31" t="s">
        <v>87</v>
      </c>
    </row>
    <row r="15" spans="2:20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30" t="s">
        <v>87</v>
      </c>
      <c r="P15" s="14" t="s">
        <v>87</v>
      </c>
      <c r="Q15" s="22" t="s">
        <v>87</v>
      </c>
      <c r="R15" s="14" t="s">
        <v>87</v>
      </c>
      <c r="S15" s="15" t="s">
        <v>87</v>
      </c>
      <c r="T15" s="31" t="s">
        <v>87</v>
      </c>
    </row>
    <row r="16" spans="2:20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30" t="s">
        <v>87</v>
      </c>
      <c r="P16" s="14" t="s">
        <v>87</v>
      </c>
      <c r="Q16" s="22" t="s">
        <v>87</v>
      </c>
      <c r="R16" s="14" t="s">
        <v>87</v>
      </c>
      <c r="S16" s="15" t="s">
        <v>87</v>
      </c>
      <c r="T16" s="31" t="s">
        <v>87</v>
      </c>
    </row>
    <row r="17" spans="2:20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30" t="s">
        <v>87</v>
      </c>
      <c r="P17" s="14" t="s">
        <v>87</v>
      </c>
      <c r="Q17" s="22" t="s">
        <v>87</v>
      </c>
      <c r="R17" s="14" t="s">
        <v>87</v>
      </c>
      <c r="S17" s="15" t="s">
        <v>87</v>
      </c>
      <c r="T17" s="31" t="s">
        <v>87</v>
      </c>
    </row>
    <row r="18" spans="2:20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33" t="s">
        <v>87</v>
      </c>
      <c r="P18" s="19" t="s">
        <v>87</v>
      </c>
      <c r="Q18" s="23" t="s">
        <v>87</v>
      </c>
      <c r="R18" s="19" t="s">
        <v>87</v>
      </c>
      <c r="S18" s="20" t="s">
        <v>87</v>
      </c>
      <c r="T18" s="34" t="s">
        <v>87</v>
      </c>
    </row>
  </sheetData>
  <mergeCells count="8">
    <mergeCell ref="Q2:R2"/>
    <mergeCell ref="S2:T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B1:T18"/>
  <sheetViews>
    <sheetView zoomScale="130" zoomScaleNormal="130" workbookViewId="0">
      <selection activeCell="Q10" sqref="Q10"/>
    </sheetView>
  </sheetViews>
  <sheetFormatPr defaultRowHeight="14.4" x14ac:dyDescent="0.3"/>
  <cols>
    <col min="1" max="1" width="0.44140625" customWidth="1"/>
    <col min="2" max="2" width="3.33203125" customWidth="1"/>
    <col min="3" max="3" width="7.33203125" bestFit="1" customWidth="1"/>
    <col min="4" max="4" width="11" customWidth="1"/>
    <col min="5" max="6" width="15.5546875" customWidth="1"/>
    <col min="7" max="7" width="8.88671875" customWidth="1"/>
    <col min="8" max="8" width="4.6640625" customWidth="1"/>
    <col min="9" max="9" width="8.88671875" customWidth="1"/>
    <col min="10" max="10" width="4.6640625" customWidth="1"/>
    <col min="11" max="11" width="8.88671875" customWidth="1"/>
    <col min="12" max="12" width="4.6640625" customWidth="1"/>
    <col min="13" max="13" width="8.88671875" customWidth="1"/>
    <col min="14" max="14" width="4.6640625" customWidth="1"/>
    <col min="15" max="15" width="8.88671875" customWidth="1"/>
    <col min="16" max="16" width="4.6640625" customWidth="1"/>
    <col min="17" max="17" width="11.33203125" customWidth="1"/>
    <col min="18" max="18" width="4.6640625" customWidth="1"/>
    <col min="19" max="19" width="7.5546875" bestFit="1" customWidth="1"/>
    <col min="20" max="20" width="3.88671875" style="1" bestFit="1" customWidth="1"/>
    <col min="21" max="21" width="5.5546875" customWidth="1"/>
  </cols>
  <sheetData>
    <row r="1" spans="2:20" ht="2.4" customHeight="1" thickBot="1" x14ac:dyDescent="0.35"/>
    <row r="2" spans="2:20" ht="24" thickBot="1" x14ac:dyDescent="0.5">
      <c r="B2" s="41" t="s">
        <v>19</v>
      </c>
      <c r="C2" s="42"/>
      <c r="D2" s="42"/>
      <c r="E2" s="43"/>
      <c r="F2" s="38"/>
      <c r="G2" s="39" t="s">
        <v>7</v>
      </c>
      <c r="H2" s="40"/>
      <c r="I2" s="39" t="s">
        <v>1</v>
      </c>
      <c r="J2" s="40"/>
      <c r="K2" s="39" t="s">
        <v>3</v>
      </c>
      <c r="L2" s="40"/>
      <c r="M2" s="39" t="s">
        <v>0</v>
      </c>
      <c r="N2" s="40"/>
      <c r="O2" s="39" t="s">
        <v>4</v>
      </c>
      <c r="P2" s="40"/>
      <c r="Q2" s="39" t="s">
        <v>8</v>
      </c>
      <c r="R2" s="40"/>
      <c r="S2" s="48" t="s">
        <v>13</v>
      </c>
      <c r="T2" s="49"/>
    </row>
    <row r="3" spans="2:20" ht="15.6" customHeight="1" thickTop="1" thickBot="1" x14ac:dyDescent="0.35">
      <c r="B3" s="4"/>
      <c r="C3" s="5" t="s">
        <v>10</v>
      </c>
      <c r="D3" s="5" t="s">
        <v>11</v>
      </c>
      <c r="E3" s="6" t="s">
        <v>12</v>
      </c>
      <c r="F3" s="44" t="s">
        <v>74</v>
      </c>
      <c r="G3" s="35" t="s">
        <v>14</v>
      </c>
      <c r="H3" s="36" t="s">
        <v>9</v>
      </c>
      <c r="I3" s="35" t="s">
        <v>14</v>
      </c>
      <c r="J3" s="36" t="s">
        <v>9</v>
      </c>
      <c r="K3" s="35" t="s">
        <v>14</v>
      </c>
      <c r="L3" s="36" t="s">
        <v>9</v>
      </c>
      <c r="M3" s="35" t="s">
        <v>14</v>
      </c>
      <c r="N3" s="36" t="s">
        <v>9</v>
      </c>
      <c r="O3" s="35" t="s">
        <v>14</v>
      </c>
      <c r="P3" s="36" t="s">
        <v>9</v>
      </c>
      <c r="Q3" s="35" t="s">
        <v>14</v>
      </c>
      <c r="R3" s="37" t="s">
        <v>9</v>
      </c>
      <c r="S3" s="50"/>
      <c r="T3" s="51"/>
    </row>
    <row r="4" spans="2:20" s="2" customFormat="1" ht="18" customHeight="1" x14ac:dyDescent="0.3">
      <c r="B4" s="7">
        <v>1</v>
      </c>
      <c r="C4" s="21">
        <v>500</v>
      </c>
      <c r="D4" s="24" t="s">
        <v>53</v>
      </c>
      <c r="E4" s="8" t="s">
        <v>54</v>
      </c>
      <c r="F4" s="45">
        <v>792427</v>
      </c>
      <c r="G4" s="26" t="s">
        <v>130</v>
      </c>
      <c r="H4" s="9">
        <v>513</v>
      </c>
      <c r="I4" s="27" t="s">
        <v>118</v>
      </c>
      <c r="J4" s="9">
        <v>466</v>
      </c>
      <c r="K4" s="27" t="s">
        <v>131</v>
      </c>
      <c r="L4" s="9">
        <v>297</v>
      </c>
      <c r="M4" s="27" t="s">
        <v>132</v>
      </c>
      <c r="N4" s="9">
        <v>582</v>
      </c>
      <c r="O4" s="27" t="s">
        <v>133</v>
      </c>
      <c r="P4" s="9">
        <v>454</v>
      </c>
      <c r="Q4" s="21" t="s">
        <v>134</v>
      </c>
      <c r="R4" s="9">
        <v>495</v>
      </c>
      <c r="S4" s="10">
        <v>2807</v>
      </c>
      <c r="T4" s="28" t="s">
        <v>9</v>
      </c>
    </row>
    <row r="5" spans="2:20" s="3" customFormat="1" ht="18" customHeight="1" x14ac:dyDescent="0.3">
      <c r="B5" s="11">
        <v>2</v>
      </c>
      <c r="C5" s="22">
        <v>495</v>
      </c>
      <c r="D5" s="25" t="s">
        <v>43</v>
      </c>
      <c r="E5" s="13" t="s">
        <v>44</v>
      </c>
      <c r="F5" s="46">
        <v>719743</v>
      </c>
      <c r="G5" s="29" t="s">
        <v>135</v>
      </c>
      <c r="H5" s="14">
        <v>434</v>
      </c>
      <c r="I5" s="30" t="s">
        <v>136</v>
      </c>
      <c r="J5" s="14">
        <v>442</v>
      </c>
      <c r="K5" s="30" t="s">
        <v>137</v>
      </c>
      <c r="L5" s="14">
        <v>205</v>
      </c>
      <c r="M5" s="30" t="s">
        <v>138</v>
      </c>
      <c r="N5" s="14">
        <v>623</v>
      </c>
      <c r="O5" s="30" t="s">
        <v>139</v>
      </c>
      <c r="P5" s="14">
        <v>284</v>
      </c>
      <c r="Q5" s="22" t="s">
        <v>140</v>
      </c>
      <c r="R5" s="14">
        <v>365</v>
      </c>
      <c r="S5" s="15">
        <v>2353</v>
      </c>
      <c r="T5" s="31" t="s">
        <v>9</v>
      </c>
    </row>
    <row r="6" spans="2:20" s="3" customFormat="1" ht="18" customHeight="1" x14ac:dyDescent="0.3">
      <c r="B6" s="11">
        <v>3</v>
      </c>
      <c r="C6" s="22">
        <v>497</v>
      </c>
      <c r="D6" s="25" t="s">
        <v>48</v>
      </c>
      <c r="E6" s="13" t="s">
        <v>47</v>
      </c>
      <c r="F6" s="46">
        <v>888912</v>
      </c>
      <c r="G6" s="29" t="s">
        <v>141</v>
      </c>
      <c r="H6" s="14">
        <v>510</v>
      </c>
      <c r="I6" s="30" t="s">
        <v>142</v>
      </c>
      <c r="J6" s="14">
        <v>480</v>
      </c>
      <c r="K6" s="30" t="s">
        <v>143</v>
      </c>
      <c r="L6" s="14">
        <v>202</v>
      </c>
      <c r="M6" s="30" t="s">
        <v>144</v>
      </c>
      <c r="N6" s="14">
        <v>389</v>
      </c>
      <c r="O6" s="30" t="s">
        <v>145</v>
      </c>
      <c r="P6" s="14">
        <v>264</v>
      </c>
      <c r="Q6" s="22" t="s">
        <v>146</v>
      </c>
      <c r="R6" s="14">
        <v>266</v>
      </c>
      <c r="S6" s="15">
        <v>2111</v>
      </c>
      <c r="T6" s="31" t="s">
        <v>9</v>
      </c>
    </row>
    <row r="7" spans="2:20" s="3" customFormat="1" ht="18" customHeight="1" x14ac:dyDescent="0.3">
      <c r="B7" s="11">
        <v>4</v>
      </c>
      <c r="C7" s="22">
        <v>499</v>
      </c>
      <c r="D7" s="25" t="s">
        <v>51</v>
      </c>
      <c r="E7" s="13" t="s">
        <v>52</v>
      </c>
      <c r="F7" s="46">
        <v>734631</v>
      </c>
      <c r="G7" s="29" t="s">
        <v>147</v>
      </c>
      <c r="H7" s="14">
        <v>359</v>
      </c>
      <c r="I7" s="30" t="s">
        <v>148</v>
      </c>
      <c r="J7" s="14">
        <v>418</v>
      </c>
      <c r="K7" s="30" t="s">
        <v>149</v>
      </c>
      <c r="L7" s="14">
        <v>161</v>
      </c>
      <c r="M7" s="30" t="s">
        <v>150</v>
      </c>
      <c r="N7" s="14">
        <v>352</v>
      </c>
      <c r="O7" s="30" t="s">
        <v>151</v>
      </c>
      <c r="P7" s="14">
        <v>210</v>
      </c>
      <c r="Q7" s="22" t="s">
        <v>152</v>
      </c>
      <c r="R7" s="14">
        <v>279</v>
      </c>
      <c r="S7" s="15">
        <v>1779</v>
      </c>
      <c r="T7" s="31" t="s">
        <v>9</v>
      </c>
    </row>
    <row r="8" spans="2:20" s="3" customFormat="1" ht="18" customHeight="1" x14ac:dyDescent="0.3">
      <c r="B8" s="11">
        <v>5</v>
      </c>
      <c r="C8" s="22">
        <v>498</v>
      </c>
      <c r="D8" s="25" t="s">
        <v>49</v>
      </c>
      <c r="E8" s="13" t="s">
        <v>50</v>
      </c>
      <c r="F8" s="46">
        <v>798597</v>
      </c>
      <c r="G8" s="29" t="s">
        <v>153</v>
      </c>
      <c r="H8" s="14">
        <v>319</v>
      </c>
      <c r="I8" s="30" t="s">
        <v>154</v>
      </c>
      <c r="J8" s="14">
        <v>314</v>
      </c>
      <c r="K8" s="30" t="s">
        <v>155</v>
      </c>
      <c r="L8" s="14">
        <v>174</v>
      </c>
      <c r="M8" s="30" t="s">
        <v>108</v>
      </c>
      <c r="N8" s="14">
        <v>462</v>
      </c>
      <c r="O8" s="30" t="s">
        <v>156</v>
      </c>
      <c r="P8" s="14">
        <v>202</v>
      </c>
      <c r="Q8" s="22" t="s">
        <v>157</v>
      </c>
      <c r="R8" s="14">
        <v>234</v>
      </c>
      <c r="S8" s="15">
        <v>1705</v>
      </c>
      <c r="T8" s="31" t="s">
        <v>9</v>
      </c>
    </row>
    <row r="9" spans="2:20" s="3" customFormat="1" ht="18" customHeight="1" x14ac:dyDescent="0.3">
      <c r="B9" s="11">
        <v>6</v>
      </c>
      <c r="C9" s="22">
        <v>496</v>
      </c>
      <c r="D9" s="25" t="s">
        <v>45</v>
      </c>
      <c r="E9" s="13" t="s">
        <v>46</v>
      </c>
      <c r="F9" s="46">
        <v>798592</v>
      </c>
      <c r="G9" s="29" t="s">
        <v>158</v>
      </c>
      <c r="H9" s="14">
        <v>232</v>
      </c>
      <c r="I9" s="30" t="s">
        <v>159</v>
      </c>
      <c r="J9" s="14">
        <v>288</v>
      </c>
      <c r="K9" s="30" t="s">
        <v>160</v>
      </c>
      <c r="L9" s="14">
        <v>205</v>
      </c>
      <c r="M9" s="30" t="s">
        <v>161</v>
      </c>
      <c r="N9" s="14">
        <v>316</v>
      </c>
      <c r="O9" s="30" t="s">
        <v>162</v>
      </c>
      <c r="P9" s="14">
        <v>254</v>
      </c>
      <c r="Q9" s="22" t="s">
        <v>163</v>
      </c>
      <c r="R9" s="14">
        <v>261</v>
      </c>
      <c r="S9" s="15">
        <v>1556</v>
      </c>
      <c r="T9" s="31" t="s">
        <v>9</v>
      </c>
    </row>
    <row r="10" spans="2:20" s="3" customFormat="1" ht="18" customHeight="1" x14ac:dyDescent="0.3">
      <c r="B10" s="11" t="s">
        <v>87</v>
      </c>
      <c r="C10" s="22" t="s">
        <v>87</v>
      </c>
      <c r="D10" s="25" t="s">
        <v>87</v>
      </c>
      <c r="E10" s="13" t="s">
        <v>87</v>
      </c>
      <c r="F10" s="46"/>
      <c r="G10" s="29" t="s">
        <v>87</v>
      </c>
      <c r="H10" s="14" t="s">
        <v>87</v>
      </c>
      <c r="I10" s="30" t="s">
        <v>87</v>
      </c>
      <c r="J10" s="14" t="s">
        <v>87</v>
      </c>
      <c r="K10" s="30" t="s">
        <v>87</v>
      </c>
      <c r="L10" s="14" t="s">
        <v>87</v>
      </c>
      <c r="M10" s="30" t="s">
        <v>87</v>
      </c>
      <c r="N10" s="14" t="s">
        <v>87</v>
      </c>
      <c r="O10" s="30" t="s">
        <v>87</v>
      </c>
      <c r="P10" s="14" t="s">
        <v>87</v>
      </c>
      <c r="Q10" s="22" t="s">
        <v>87</v>
      </c>
      <c r="R10" s="14" t="s">
        <v>87</v>
      </c>
      <c r="S10" s="15" t="s">
        <v>87</v>
      </c>
      <c r="T10" s="31" t="s">
        <v>87</v>
      </c>
    </row>
    <row r="11" spans="2:20" s="3" customFormat="1" ht="18" customHeight="1" x14ac:dyDescent="0.3">
      <c r="B11" s="11" t="s">
        <v>87</v>
      </c>
      <c r="C11" s="22" t="s">
        <v>87</v>
      </c>
      <c r="D11" s="12" t="s">
        <v>87</v>
      </c>
      <c r="E11" s="13" t="s">
        <v>87</v>
      </c>
      <c r="F11" s="46"/>
      <c r="G11" s="29" t="s">
        <v>87</v>
      </c>
      <c r="H11" s="14" t="s">
        <v>87</v>
      </c>
      <c r="I11" s="30" t="s">
        <v>87</v>
      </c>
      <c r="J11" s="14" t="s">
        <v>87</v>
      </c>
      <c r="K11" s="30" t="s">
        <v>87</v>
      </c>
      <c r="L11" s="14" t="s">
        <v>87</v>
      </c>
      <c r="M11" s="30" t="s">
        <v>87</v>
      </c>
      <c r="N11" s="14" t="s">
        <v>87</v>
      </c>
      <c r="O11" s="30" t="s">
        <v>87</v>
      </c>
      <c r="P11" s="14" t="s">
        <v>87</v>
      </c>
      <c r="Q11" s="22" t="s">
        <v>87</v>
      </c>
      <c r="R11" s="14" t="s">
        <v>87</v>
      </c>
      <c r="S11" s="15" t="s">
        <v>87</v>
      </c>
      <c r="T11" s="31" t="s">
        <v>87</v>
      </c>
    </row>
    <row r="12" spans="2:20" s="3" customFormat="1" ht="18" customHeight="1" x14ac:dyDescent="0.3">
      <c r="B12" s="11" t="s">
        <v>87</v>
      </c>
      <c r="C12" s="22" t="s">
        <v>87</v>
      </c>
      <c r="D12" s="12" t="s">
        <v>87</v>
      </c>
      <c r="E12" s="13" t="s">
        <v>87</v>
      </c>
      <c r="F12" s="46"/>
      <c r="G12" s="29" t="s">
        <v>87</v>
      </c>
      <c r="H12" s="14" t="s">
        <v>87</v>
      </c>
      <c r="I12" s="30" t="s">
        <v>87</v>
      </c>
      <c r="J12" s="14" t="s">
        <v>87</v>
      </c>
      <c r="K12" s="30" t="s">
        <v>87</v>
      </c>
      <c r="L12" s="14" t="s">
        <v>87</v>
      </c>
      <c r="M12" s="30" t="s">
        <v>87</v>
      </c>
      <c r="N12" s="14" t="s">
        <v>87</v>
      </c>
      <c r="O12" s="30" t="s">
        <v>87</v>
      </c>
      <c r="P12" s="14" t="s">
        <v>87</v>
      </c>
      <c r="Q12" s="22" t="s">
        <v>87</v>
      </c>
      <c r="R12" s="14" t="s">
        <v>87</v>
      </c>
      <c r="S12" s="15" t="s">
        <v>87</v>
      </c>
      <c r="T12" s="31" t="s">
        <v>87</v>
      </c>
    </row>
    <row r="13" spans="2:20" s="3" customFormat="1" ht="18" customHeight="1" x14ac:dyDescent="0.3">
      <c r="B13" s="11" t="s">
        <v>87</v>
      </c>
      <c r="C13" s="22" t="s">
        <v>87</v>
      </c>
      <c r="D13" s="12" t="s">
        <v>87</v>
      </c>
      <c r="E13" s="13" t="s">
        <v>87</v>
      </c>
      <c r="F13" s="46"/>
      <c r="G13" s="29" t="s">
        <v>87</v>
      </c>
      <c r="H13" s="14" t="s">
        <v>87</v>
      </c>
      <c r="I13" s="30" t="s">
        <v>87</v>
      </c>
      <c r="J13" s="14" t="s">
        <v>87</v>
      </c>
      <c r="K13" s="30" t="s">
        <v>87</v>
      </c>
      <c r="L13" s="14" t="s">
        <v>87</v>
      </c>
      <c r="M13" s="30" t="s">
        <v>87</v>
      </c>
      <c r="N13" s="14" t="s">
        <v>87</v>
      </c>
      <c r="O13" s="30" t="s">
        <v>87</v>
      </c>
      <c r="P13" s="14" t="s">
        <v>87</v>
      </c>
      <c r="Q13" s="22" t="s">
        <v>87</v>
      </c>
      <c r="R13" s="14" t="s">
        <v>87</v>
      </c>
      <c r="S13" s="15" t="s">
        <v>87</v>
      </c>
      <c r="T13" s="31" t="s">
        <v>87</v>
      </c>
    </row>
    <row r="14" spans="2:20" s="3" customFormat="1" ht="18" customHeight="1" x14ac:dyDescent="0.3">
      <c r="B14" s="11" t="s">
        <v>87</v>
      </c>
      <c r="C14" s="22" t="s">
        <v>87</v>
      </c>
      <c r="D14" s="12" t="s">
        <v>87</v>
      </c>
      <c r="E14" s="13" t="s">
        <v>87</v>
      </c>
      <c r="F14" s="46"/>
      <c r="G14" s="29" t="s">
        <v>87</v>
      </c>
      <c r="H14" s="14" t="s">
        <v>87</v>
      </c>
      <c r="I14" s="30" t="s">
        <v>87</v>
      </c>
      <c r="J14" s="14" t="s">
        <v>87</v>
      </c>
      <c r="K14" s="30" t="s">
        <v>87</v>
      </c>
      <c r="L14" s="14" t="s">
        <v>87</v>
      </c>
      <c r="M14" s="30" t="s">
        <v>87</v>
      </c>
      <c r="N14" s="14" t="s">
        <v>87</v>
      </c>
      <c r="O14" s="30" t="s">
        <v>87</v>
      </c>
      <c r="P14" s="14" t="s">
        <v>87</v>
      </c>
      <c r="Q14" s="22" t="s">
        <v>87</v>
      </c>
      <c r="R14" s="14" t="s">
        <v>87</v>
      </c>
      <c r="S14" s="15" t="s">
        <v>87</v>
      </c>
      <c r="T14" s="31" t="s">
        <v>87</v>
      </c>
    </row>
    <row r="15" spans="2:20" s="3" customFormat="1" ht="18" customHeight="1" x14ac:dyDescent="0.3">
      <c r="B15" s="11" t="s">
        <v>87</v>
      </c>
      <c r="C15" s="22" t="s">
        <v>87</v>
      </c>
      <c r="D15" s="12" t="s">
        <v>87</v>
      </c>
      <c r="E15" s="13" t="s">
        <v>87</v>
      </c>
      <c r="F15" s="46"/>
      <c r="G15" s="29" t="s">
        <v>87</v>
      </c>
      <c r="H15" s="14" t="s">
        <v>87</v>
      </c>
      <c r="I15" s="30" t="s">
        <v>87</v>
      </c>
      <c r="J15" s="14" t="s">
        <v>87</v>
      </c>
      <c r="K15" s="30" t="s">
        <v>87</v>
      </c>
      <c r="L15" s="14" t="s">
        <v>87</v>
      </c>
      <c r="M15" s="30" t="s">
        <v>87</v>
      </c>
      <c r="N15" s="14" t="s">
        <v>87</v>
      </c>
      <c r="O15" s="30" t="s">
        <v>87</v>
      </c>
      <c r="P15" s="14" t="s">
        <v>87</v>
      </c>
      <c r="Q15" s="22" t="s">
        <v>87</v>
      </c>
      <c r="R15" s="14" t="s">
        <v>87</v>
      </c>
      <c r="S15" s="15" t="s">
        <v>87</v>
      </c>
      <c r="T15" s="31" t="s">
        <v>87</v>
      </c>
    </row>
    <row r="16" spans="2:20" s="3" customFormat="1" ht="18" customHeight="1" x14ac:dyDescent="0.3">
      <c r="B16" s="11" t="s">
        <v>87</v>
      </c>
      <c r="C16" s="22" t="s">
        <v>87</v>
      </c>
      <c r="D16" s="12" t="s">
        <v>87</v>
      </c>
      <c r="E16" s="13" t="s">
        <v>87</v>
      </c>
      <c r="F16" s="46"/>
      <c r="G16" s="29" t="s">
        <v>87</v>
      </c>
      <c r="H16" s="14" t="s">
        <v>87</v>
      </c>
      <c r="I16" s="30" t="s">
        <v>87</v>
      </c>
      <c r="J16" s="14" t="s">
        <v>87</v>
      </c>
      <c r="K16" s="30" t="s">
        <v>87</v>
      </c>
      <c r="L16" s="14" t="s">
        <v>87</v>
      </c>
      <c r="M16" s="30" t="s">
        <v>87</v>
      </c>
      <c r="N16" s="14" t="s">
        <v>87</v>
      </c>
      <c r="O16" s="30" t="s">
        <v>87</v>
      </c>
      <c r="P16" s="14" t="s">
        <v>87</v>
      </c>
      <c r="Q16" s="22" t="s">
        <v>87</v>
      </c>
      <c r="R16" s="14" t="s">
        <v>87</v>
      </c>
      <c r="S16" s="15" t="s">
        <v>87</v>
      </c>
      <c r="T16" s="31" t="s">
        <v>87</v>
      </c>
    </row>
    <row r="17" spans="2:20" s="3" customFormat="1" ht="18" customHeight="1" x14ac:dyDescent="0.3">
      <c r="B17" s="11" t="s">
        <v>87</v>
      </c>
      <c r="C17" s="22" t="s">
        <v>87</v>
      </c>
      <c r="D17" s="12" t="s">
        <v>87</v>
      </c>
      <c r="E17" s="13" t="s">
        <v>87</v>
      </c>
      <c r="F17" s="46"/>
      <c r="G17" s="29" t="s">
        <v>87</v>
      </c>
      <c r="H17" s="14" t="s">
        <v>87</v>
      </c>
      <c r="I17" s="30" t="s">
        <v>87</v>
      </c>
      <c r="J17" s="14" t="s">
        <v>87</v>
      </c>
      <c r="K17" s="30" t="s">
        <v>87</v>
      </c>
      <c r="L17" s="14" t="s">
        <v>87</v>
      </c>
      <c r="M17" s="30" t="s">
        <v>87</v>
      </c>
      <c r="N17" s="14" t="s">
        <v>87</v>
      </c>
      <c r="O17" s="30" t="s">
        <v>87</v>
      </c>
      <c r="P17" s="14" t="s">
        <v>87</v>
      </c>
      <c r="Q17" s="22" t="s">
        <v>87</v>
      </c>
      <c r="R17" s="14" t="s">
        <v>87</v>
      </c>
      <c r="S17" s="15" t="s">
        <v>87</v>
      </c>
      <c r="T17" s="31" t="s">
        <v>87</v>
      </c>
    </row>
    <row r="18" spans="2:20" s="3" customFormat="1" ht="18" customHeight="1" thickBot="1" x14ac:dyDescent="0.35">
      <c r="B18" s="16" t="s">
        <v>87</v>
      </c>
      <c r="C18" s="23" t="s">
        <v>87</v>
      </c>
      <c r="D18" s="17" t="s">
        <v>87</v>
      </c>
      <c r="E18" s="18" t="s">
        <v>87</v>
      </c>
      <c r="F18" s="47"/>
      <c r="G18" s="32" t="s">
        <v>87</v>
      </c>
      <c r="H18" s="19" t="s">
        <v>87</v>
      </c>
      <c r="I18" s="33" t="s">
        <v>87</v>
      </c>
      <c r="J18" s="19" t="s">
        <v>87</v>
      </c>
      <c r="K18" s="33" t="s">
        <v>87</v>
      </c>
      <c r="L18" s="19" t="s">
        <v>87</v>
      </c>
      <c r="M18" s="33" t="s">
        <v>87</v>
      </c>
      <c r="N18" s="19" t="s">
        <v>87</v>
      </c>
      <c r="O18" s="33" t="s">
        <v>87</v>
      </c>
      <c r="P18" s="19" t="s">
        <v>87</v>
      </c>
      <c r="Q18" s="23" t="s">
        <v>87</v>
      </c>
      <c r="R18" s="19" t="s">
        <v>87</v>
      </c>
      <c r="S18" s="20" t="s">
        <v>87</v>
      </c>
      <c r="T18" s="34" t="s">
        <v>87</v>
      </c>
    </row>
  </sheetData>
  <mergeCells count="8">
    <mergeCell ref="Q2:R2"/>
    <mergeCell ref="S2:T3"/>
    <mergeCell ref="B2:E2"/>
    <mergeCell ref="G2:H2"/>
    <mergeCell ref="I2:J2"/>
    <mergeCell ref="K2:L2"/>
    <mergeCell ref="M2:N2"/>
    <mergeCell ref="O2:P2"/>
  </mergeCells>
  <printOptions horizontalCentered="1"/>
  <pageMargins left="0.31496062992125984" right="0.31496062992125984" top="0.74803149606299213" bottom="0.74803149606299213" header="0.31496062992125984" footer="0.31496062992125984"/>
  <pageSetup paperSize="9" orientation="landscape" horizontalDpi="4294967293" verticalDpi="4294967293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0</vt:i4>
      </vt:variant>
    </vt:vector>
  </HeadingPairs>
  <TitlesOfParts>
    <vt:vector size="20" baseType="lpstr">
      <vt:lpstr>Vmas_2</vt:lpstr>
      <vt:lpstr>Mmas_2</vt:lpstr>
      <vt:lpstr>Vsen_2</vt:lpstr>
      <vt:lpstr>Msen_2</vt:lpstr>
      <vt:lpstr>MJA_2</vt:lpstr>
      <vt:lpstr>JJA_2</vt:lpstr>
      <vt:lpstr>MJB_2</vt:lpstr>
      <vt:lpstr>JJB_2</vt:lpstr>
      <vt:lpstr>MJC_2</vt:lpstr>
      <vt:lpstr>JJC_2</vt:lpstr>
      <vt:lpstr>MJD_2</vt:lpstr>
      <vt:lpstr>JJD_2</vt:lpstr>
      <vt:lpstr>MPA_2</vt:lpstr>
      <vt:lpstr>JPA_2</vt:lpstr>
      <vt:lpstr>MPB_2</vt:lpstr>
      <vt:lpstr>JPB_2</vt:lpstr>
      <vt:lpstr>MPC_2</vt:lpstr>
      <vt:lpstr>JPC_2</vt:lpstr>
      <vt:lpstr>MPmini_2</vt:lpstr>
      <vt:lpstr>JPmini_2</vt:lpstr>
    </vt:vector>
  </TitlesOfParts>
  <Company>TU/e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tudent</dc:creator>
  <cp:lastModifiedBy>Student</cp:lastModifiedBy>
  <cp:lastPrinted>2016-07-28T22:06:07Z</cp:lastPrinted>
  <dcterms:created xsi:type="dcterms:W3CDTF">2013-05-24T12:01:19Z</dcterms:created>
  <dcterms:modified xsi:type="dcterms:W3CDTF">2018-09-25T09:35:11Z</dcterms:modified>
</cp:coreProperties>
</file>